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2090" yWindow="30" windowWidth="7800" windowHeight="7740" tabRatio="992"/>
  </bookViews>
  <sheets>
    <sheet name="7(2)" sheetId="14" r:id="rId1"/>
  </sheets>
  <definedNames>
    <definedName name="_xlnm.Print_Area" localSheetId="0">'7(2)'!$A$1:$AB$87</definedName>
  </definedNames>
  <calcPr calcId="162913"/>
</workbook>
</file>

<file path=xl/sharedStrings.xml><?xml version="1.0" encoding="utf-8"?>
<sst xmlns="http://schemas.openxmlformats.org/spreadsheetml/2006/main" count="499" uniqueCount="170">
  <si>
    <t>（管内計）</t>
    <rPh sb="1" eb="3">
      <t>カンナイ</t>
    </rPh>
    <rPh sb="3" eb="4">
      <t>ケイ</t>
    </rPh>
    <phoneticPr fontId="1"/>
  </si>
  <si>
    <t>総数</t>
    <rPh sb="0" eb="2">
      <t>ソウスウ</t>
    </rPh>
    <phoneticPr fontId="1"/>
  </si>
  <si>
    <t>江の川下流</t>
    <rPh sb="0" eb="1">
      <t>ゴウ</t>
    </rPh>
    <rPh sb="2" eb="3">
      <t>カワ</t>
    </rPh>
    <rPh sb="3" eb="5">
      <t>カリュウ</t>
    </rPh>
    <phoneticPr fontId="1"/>
  </si>
  <si>
    <t>斐伊川</t>
    <rPh sb="0" eb="3">
      <t>ヒイカワ</t>
    </rPh>
    <phoneticPr fontId="1"/>
  </si>
  <si>
    <t>隠岐</t>
    <rPh sb="0" eb="2">
      <t>オキ</t>
    </rPh>
    <phoneticPr fontId="1"/>
  </si>
  <si>
    <t>高津川</t>
    <rPh sb="0" eb="2">
      <t>タカツ</t>
    </rPh>
    <rPh sb="2" eb="3">
      <t>ガワ</t>
    </rPh>
    <phoneticPr fontId="1"/>
  </si>
  <si>
    <t>特別保護地区</t>
    <rPh sb="0" eb="2">
      <t>トクベツ</t>
    </rPh>
    <rPh sb="2" eb="4">
      <t>ホゴ</t>
    </rPh>
    <rPh sb="4" eb="6">
      <t>チク</t>
    </rPh>
    <phoneticPr fontId="1"/>
  </si>
  <si>
    <t>川本町</t>
    <rPh sb="0" eb="2">
      <t>カワモト</t>
    </rPh>
    <rPh sb="2" eb="3">
      <t>チョウ</t>
    </rPh>
    <phoneticPr fontId="1"/>
  </si>
  <si>
    <t>美郷町</t>
    <rPh sb="0" eb="3">
      <t>ミサトチョウ</t>
    </rPh>
    <phoneticPr fontId="1"/>
  </si>
  <si>
    <t>邑南町</t>
    <rPh sb="0" eb="1">
      <t>オウ</t>
    </rPh>
    <rPh sb="1" eb="3">
      <t>ナンチョウ</t>
    </rPh>
    <phoneticPr fontId="1"/>
  </si>
  <si>
    <t>大田市</t>
    <rPh sb="0" eb="3">
      <t>オオダシ</t>
    </rPh>
    <phoneticPr fontId="1"/>
  </si>
  <si>
    <t>浜田市</t>
    <rPh sb="0" eb="3">
      <t>ハマダシ</t>
    </rPh>
    <phoneticPr fontId="1"/>
  </si>
  <si>
    <t>江津市</t>
    <rPh sb="0" eb="3">
      <t>ゴウツシ</t>
    </rPh>
    <phoneticPr fontId="1"/>
  </si>
  <si>
    <t>松江市</t>
    <rPh sb="0" eb="3">
      <t>マツエシ</t>
    </rPh>
    <phoneticPr fontId="1"/>
  </si>
  <si>
    <t>安来市</t>
    <rPh sb="0" eb="3">
      <t>ヤスギシ</t>
    </rPh>
    <phoneticPr fontId="1"/>
  </si>
  <si>
    <t>雲南市</t>
    <rPh sb="0" eb="2">
      <t>ウンナン</t>
    </rPh>
    <rPh sb="2" eb="3">
      <t>シ</t>
    </rPh>
    <phoneticPr fontId="1"/>
  </si>
  <si>
    <t>飯南町</t>
    <rPh sb="0" eb="3">
      <t>イイナンチョウ</t>
    </rPh>
    <phoneticPr fontId="1"/>
  </si>
  <si>
    <t>出雲市</t>
    <rPh sb="0" eb="3">
      <t>イズモシ</t>
    </rPh>
    <phoneticPr fontId="1"/>
  </si>
  <si>
    <t>益田市</t>
    <rPh sb="0" eb="3">
      <t>マスダシ</t>
    </rPh>
    <phoneticPr fontId="1"/>
  </si>
  <si>
    <t>津和野町</t>
    <rPh sb="0" eb="4">
      <t>ツワノチョウ</t>
    </rPh>
    <phoneticPr fontId="1"/>
  </si>
  <si>
    <t>計</t>
    <rPh sb="0" eb="1">
      <t>ケイ</t>
    </rPh>
    <phoneticPr fontId="1"/>
  </si>
  <si>
    <t>計画区計</t>
    <rPh sb="3" eb="4">
      <t>ケイ</t>
    </rPh>
    <phoneticPr fontId="1"/>
  </si>
  <si>
    <t>吉賀町</t>
    <rPh sb="0" eb="2">
      <t>ヨシガ</t>
    </rPh>
    <rPh sb="2" eb="3">
      <t>チョウ</t>
    </rPh>
    <phoneticPr fontId="1"/>
  </si>
  <si>
    <t>小計</t>
    <rPh sb="0" eb="2">
      <t>ショウケイ</t>
    </rPh>
    <phoneticPr fontId="1"/>
  </si>
  <si>
    <t>旭</t>
  </si>
  <si>
    <t>川　本</t>
  </si>
  <si>
    <t>邑　智</t>
  </si>
  <si>
    <t>大　和</t>
  </si>
  <si>
    <t>計</t>
  </si>
  <si>
    <t>瑞　穂</t>
  </si>
  <si>
    <t>石　見</t>
  </si>
  <si>
    <t>大　田</t>
  </si>
  <si>
    <t>仁　摩</t>
  </si>
  <si>
    <t>浜　田</t>
  </si>
  <si>
    <t>金　城</t>
  </si>
  <si>
    <t>弥　栄</t>
  </si>
  <si>
    <t>三　隅</t>
  </si>
  <si>
    <t>江　津</t>
  </si>
  <si>
    <t>桜　江</t>
  </si>
  <si>
    <t>松　江</t>
  </si>
  <si>
    <t>鹿　島</t>
  </si>
  <si>
    <t>島　根</t>
  </si>
  <si>
    <t>八　雲</t>
  </si>
  <si>
    <t>玉　湯</t>
  </si>
  <si>
    <t>宍　道</t>
  </si>
  <si>
    <t>八　束</t>
  </si>
  <si>
    <t>安　来</t>
  </si>
  <si>
    <t>広　瀬</t>
  </si>
  <si>
    <t>伯　太</t>
  </si>
  <si>
    <t>大　東</t>
  </si>
  <si>
    <t>加　茂</t>
  </si>
  <si>
    <t>木　次</t>
  </si>
  <si>
    <t>吉　田</t>
  </si>
  <si>
    <t>掛　合</t>
  </si>
  <si>
    <t>仁　多</t>
  </si>
  <si>
    <t>横　田</t>
  </si>
  <si>
    <t>頓　原</t>
  </si>
  <si>
    <t>赤　来</t>
  </si>
  <si>
    <t>出　雲</t>
  </si>
  <si>
    <t>平　田</t>
  </si>
  <si>
    <t>佐　田</t>
  </si>
  <si>
    <t>多　伎</t>
  </si>
  <si>
    <t>湖　陵</t>
  </si>
  <si>
    <t>大　社</t>
  </si>
  <si>
    <t>斐　川</t>
  </si>
  <si>
    <t>西　郷</t>
  </si>
  <si>
    <t>布　施</t>
  </si>
  <si>
    <t>五　箇</t>
  </si>
  <si>
    <t>都　万</t>
  </si>
  <si>
    <t>海　士</t>
  </si>
  <si>
    <t>知　夫</t>
  </si>
  <si>
    <t>益　田</t>
  </si>
  <si>
    <t>美　都</t>
  </si>
  <si>
    <t>匹　見</t>
  </si>
  <si>
    <t>日　原</t>
  </si>
  <si>
    <t>柿　木</t>
  </si>
  <si>
    <t>羽 須 美</t>
    <phoneticPr fontId="1"/>
  </si>
  <si>
    <t>温 泉 津</t>
    <phoneticPr fontId="1"/>
  </si>
  <si>
    <t>美 保 関</t>
    <phoneticPr fontId="1"/>
  </si>
  <si>
    <t>東 出 雲</t>
    <phoneticPr fontId="1"/>
  </si>
  <si>
    <t>三 刀 屋</t>
    <phoneticPr fontId="1"/>
  </si>
  <si>
    <t>西 ノ 島</t>
    <phoneticPr fontId="1"/>
  </si>
  <si>
    <t>津 和 野</t>
    <phoneticPr fontId="1"/>
  </si>
  <si>
    <t>六 日 市</t>
    <phoneticPr fontId="1"/>
  </si>
  <si>
    <t>計画区</t>
  </si>
  <si>
    <t>第一種特別地域</t>
    <rPh sb="0" eb="3">
      <t>ダイイッシュ</t>
    </rPh>
    <rPh sb="3" eb="5">
      <t>トクベツ</t>
    </rPh>
    <rPh sb="5" eb="7">
      <t>チイキ</t>
    </rPh>
    <phoneticPr fontId="1"/>
  </si>
  <si>
    <t>第二種特別地域</t>
    <rPh sb="0" eb="3">
      <t>ダイニシュ</t>
    </rPh>
    <rPh sb="3" eb="5">
      <t>トクベツ</t>
    </rPh>
    <rPh sb="5" eb="7">
      <t>チイキ</t>
    </rPh>
    <phoneticPr fontId="1"/>
  </si>
  <si>
    <t>第三種特別地域</t>
    <rPh sb="0" eb="1">
      <t>ダイ</t>
    </rPh>
    <rPh sb="1" eb="2">
      <t>サン</t>
    </rPh>
    <rPh sb="2" eb="3">
      <t>シュ</t>
    </rPh>
    <rPh sb="3" eb="5">
      <t>トクベツ</t>
    </rPh>
    <rPh sb="5" eb="7">
      <t>チイキ</t>
    </rPh>
    <phoneticPr fontId="1"/>
  </si>
  <si>
    <t>国立公園</t>
    <rPh sb="0" eb="2">
      <t>コクリツ</t>
    </rPh>
    <rPh sb="2" eb="4">
      <t>コウエン</t>
    </rPh>
    <phoneticPr fontId="1"/>
  </si>
  <si>
    <t>自然公園</t>
    <rPh sb="0" eb="2">
      <t>シゼン</t>
    </rPh>
    <rPh sb="2" eb="4">
      <t>コウエン</t>
    </rPh>
    <phoneticPr fontId="1"/>
  </si>
  <si>
    <t>県計</t>
    <rPh sb="0" eb="1">
      <t>ケン</t>
    </rPh>
    <rPh sb="1" eb="2">
      <t>ケイ</t>
    </rPh>
    <phoneticPr fontId="1"/>
  </si>
  <si>
    <t>市町村</t>
    <rPh sb="0" eb="3">
      <t>シチョウソン</t>
    </rPh>
    <phoneticPr fontId="1"/>
  </si>
  <si>
    <t>旧市町村</t>
    <rPh sb="0" eb="1">
      <t>キュウ</t>
    </rPh>
    <rPh sb="1" eb="4">
      <t>シチョウソン</t>
    </rPh>
    <phoneticPr fontId="1"/>
  </si>
  <si>
    <t>邑南町</t>
    <rPh sb="0" eb="3">
      <t>オオナンチョウ</t>
    </rPh>
    <phoneticPr fontId="1"/>
  </si>
  <si>
    <t>奥出雲町</t>
    <rPh sb="0" eb="1">
      <t>オク</t>
    </rPh>
    <rPh sb="1" eb="4">
      <t>イズモチョウ</t>
    </rPh>
    <phoneticPr fontId="1"/>
  </si>
  <si>
    <t>隠岐の島町</t>
    <rPh sb="0" eb="2">
      <t>オキ</t>
    </rPh>
    <rPh sb="3" eb="4">
      <t>シマ</t>
    </rPh>
    <rPh sb="4" eb="5">
      <t>チョウ</t>
    </rPh>
    <phoneticPr fontId="1"/>
  </si>
  <si>
    <t>海士町</t>
    <rPh sb="0" eb="2">
      <t>アマ</t>
    </rPh>
    <rPh sb="2" eb="3">
      <t>チョウ</t>
    </rPh>
    <phoneticPr fontId="1"/>
  </si>
  <si>
    <t>西ノ島町</t>
    <rPh sb="0" eb="3">
      <t>ニシノシマ</t>
    </rPh>
    <rPh sb="3" eb="4">
      <t>マチ</t>
    </rPh>
    <phoneticPr fontId="1"/>
  </si>
  <si>
    <t>知夫村</t>
    <rPh sb="0" eb="2">
      <t>チブ</t>
    </rPh>
    <rPh sb="2" eb="3">
      <t>ムラ</t>
    </rPh>
    <phoneticPr fontId="1"/>
  </si>
  <si>
    <t>国定公園</t>
    <rPh sb="0" eb="2">
      <t>コクテイ</t>
    </rPh>
    <rPh sb="2" eb="4">
      <t>コウエン</t>
    </rPh>
    <phoneticPr fontId="1"/>
  </si>
  <si>
    <t>県立公園</t>
    <rPh sb="0" eb="1">
      <t>ケン</t>
    </rPh>
    <rPh sb="1" eb="2">
      <t>タテ</t>
    </rPh>
    <rPh sb="2" eb="3">
      <t>コウ</t>
    </rPh>
    <rPh sb="3" eb="4">
      <t>エン</t>
    </rPh>
    <phoneticPr fontId="1"/>
  </si>
  <si>
    <t>自然環境保全地域の特別地区自然環境保全法による</t>
    <phoneticPr fontId="1"/>
  </si>
  <si>
    <t>自然環境保全地域の特別地区自然環境保全法による</t>
    <phoneticPr fontId="1"/>
  </si>
  <si>
    <t>自然環境保全地域の特別地区自然環境保全法による都道府県</t>
    <rPh sb="9" eb="11">
      <t>トクベツ</t>
    </rPh>
    <phoneticPr fontId="1"/>
  </si>
  <si>
    <t>自然環境保全地域の普通地区自然環境保全法による都道府県</t>
  </si>
  <si>
    <t>特別保護地区鳥獣保護管理法による</t>
  </si>
  <si>
    <t>都市計画法による風致地区</t>
    <phoneticPr fontId="1"/>
  </si>
  <si>
    <t>林業種苗法による特別母樹林</t>
  </si>
  <si>
    <t>天然記念物に係る指定地等文化財保護法による史跡名勝</t>
  </si>
  <si>
    <t>特別保護地区鳥獣保護管理法による</t>
    <phoneticPr fontId="1"/>
  </si>
  <si>
    <t>川本</t>
    <rPh sb="0" eb="2">
      <t>カワモト</t>
    </rPh>
    <phoneticPr fontId="1"/>
  </si>
  <si>
    <t>邑智</t>
    <rPh sb="0" eb="2">
      <t>オオチ</t>
    </rPh>
    <phoneticPr fontId="1"/>
  </si>
  <si>
    <t>大和</t>
    <rPh sb="0" eb="2">
      <t>ヤマト</t>
    </rPh>
    <phoneticPr fontId="1"/>
  </si>
  <si>
    <t>羽須美</t>
    <rPh sb="0" eb="3">
      <t>ハスミ</t>
    </rPh>
    <phoneticPr fontId="1"/>
  </si>
  <si>
    <t>瑞穂</t>
    <rPh sb="0" eb="2">
      <t>ミズホ</t>
    </rPh>
    <phoneticPr fontId="1"/>
  </si>
  <si>
    <t>石見</t>
    <rPh sb="0" eb="2">
      <t>イワミ</t>
    </rPh>
    <phoneticPr fontId="1"/>
  </si>
  <si>
    <t>大田</t>
    <rPh sb="0" eb="2">
      <t>オオダ</t>
    </rPh>
    <phoneticPr fontId="1"/>
  </si>
  <si>
    <t>仁摩</t>
    <rPh sb="0" eb="2">
      <t>ニマ</t>
    </rPh>
    <phoneticPr fontId="1"/>
  </si>
  <si>
    <t>温泉津</t>
    <rPh sb="0" eb="3">
      <t>ユノツ</t>
    </rPh>
    <phoneticPr fontId="1"/>
  </si>
  <si>
    <t>浜田</t>
    <rPh sb="0" eb="2">
      <t>ハマダ</t>
    </rPh>
    <phoneticPr fontId="1"/>
  </si>
  <si>
    <t>金城</t>
    <rPh sb="0" eb="2">
      <t>カネシロ</t>
    </rPh>
    <phoneticPr fontId="1"/>
  </si>
  <si>
    <t>旭</t>
    <rPh sb="0" eb="1">
      <t>アサヒ</t>
    </rPh>
    <phoneticPr fontId="1"/>
  </si>
  <si>
    <t>弥栄</t>
    <rPh sb="0" eb="2">
      <t>ヤサカ</t>
    </rPh>
    <phoneticPr fontId="1"/>
  </si>
  <si>
    <t>三隅</t>
    <rPh sb="0" eb="2">
      <t>ミスミ</t>
    </rPh>
    <phoneticPr fontId="1"/>
  </si>
  <si>
    <t>江津</t>
    <rPh sb="0" eb="2">
      <t>ゴウツ</t>
    </rPh>
    <phoneticPr fontId="1"/>
  </si>
  <si>
    <t>桜江</t>
    <rPh sb="0" eb="2">
      <t>サクラエ</t>
    </rPh>
    <phoneticPr fontId="1"/>
  </si>
  <si>
    <t>管内計</t>
    <rPh sb="0" eb="2">
      <t>カンナイ</t>
    </rPh>
    <rPh sb="2" eb="3">
      <t>ケイ</t>
    </rPh>
    <phoneticPr fontId="1"/>
  </si>
  <si>
    <t>松江</t>
    <rPh sb="0" eb="2">
      <t>マツエ</t>
    </rPh>
    <phoneticPr fontId="1"/>
  </si>
  <si>
    <t>鹿島</t>
    <rPh sb="0" eb="2">
      <t>カシマ</t>
    </rPh>
    <phoneticPr fontId="1"/>
  </si>
  <si>
    <t>島根</t>
    <rPh sb="0" eb="2">
      <t>シマネ</t>
    </rPh>
    <phoneticPr fontId="1"/>
  </si>
  <si>
    <t>美保関</t>
    <rPh sb="0" eb="3">
      <t>ミホノセキ</t>
    </rPh>
    <phoneticPr fontId="1"/>
  </si>
  <si>
    <t>八雲</t>
    <rPh sb="0" eb="2">
      <t>ヤクモ</t>
    </rPh>
    <phoneticPr fontId="1"/>
  </si>
  <si>
    <t>玉湯</t>
    <rPh sb="0" eb="2">
      <t>タマユ</t>
    </rPh>
    <phoneticPr fontId="1"/>
  </si>
  <si>
    <t>宍道</t>
    <rPh sb="0" eb="2">
      <t>シンジ</t>
    </rPh>
    <phoneticPr fontId="1"/>
  </si>
  <si>
    <t>八束</t>
    <rPh sb="0" eb="2">
      <t>ヤツカ</t>
    </rPh>
    <phoneticPr fontId="1"/>
  </si>
  <si>
    <t>東出雲</t>
    <rPh sb="0" eb="3">
      <t>ヒガシイズモ</t>
    </rPh>
    <phoneticPr fontId="1"/>
  </si>
  <si>
    <t>安来</t>
    <rPh sb="0" eb="2">
      <t>ヤスギ</t>
    </rPh>
    <phoneticPr fontId="1"/>
  </si>
  <si>
    <t>広瀬</t>
    <rPh sb="0" eb="2">
      <t>ヒロセ</t>
    </rPh>
    <phoneticPr fontId="1"/>
  </si>
  <si>
    <t>伯太</t>
    <rPh sb="0" eb="2">
      <t>ハクタ</t>
    </rPh>
    <phoneticPr fontId="1"/>
  </si>
  <si>
    <t>大東</t>
    <rPh sb="0" eb="2">
      <t>ダイトウ</t>
    </rPh>
    <phoneticPr fontId="1"/>
  </si>
  <si>
    <t>加茂</t>
    <rPh sb="0" eb="2">
      <t>カモ</t>
    </rPh>
    <phoneticPr fontId="1"/>
  </si>
  <si>
    <t>木次</t>
    <rPh sb="0" eb="1">
      <t>キ</t>
    </rPh>
    <rPh sb="1" eb="2">
      <t>ツギ</t>
    </rPh>
    <phoneticPr fontId="1"/>
  </si>
  <si>
    <t>三刀屋</t>
    <rPh sb="0" eb="3">
      <t>ミトヤ</t>
    </rPh>
    <phoneticPr fontId="1"/>
  </si>
  <si>
    <t>吉田</t>
    <rPh sb="0" eb="2">
      <t>ヨシダ</t>
    </rPh>
    <phoneticPr fontId="1"/>
  </si>
  <si>
    <t>掛合</t>
    <rPh sb="0" eb="2">
      <t>カケヤ</t>
    </rPh>
    <phoneticPr fontId="1"/>
  </si>
  <si>
    <t>仁多</t>
    <rPh sb="0" eb="2">
      <t>ニタ</t>
    </rPh>
    <phoneticPr fontId="1"/>
  </si>
  <si>
    <t>横田</t>
    <rPh sb="0" eb="2">
      <t>ヨコタ</t>
    </rPh>
    <phoneticPr fontId="1"/>
  </si>
  <si>
    <t>頓原</t>
    <rPh sb="0" eb="2">
      <t>トンバラ</t>
    </rPh>
    <phoneticPr fontId="1"/>
  </si>
  <si>
    <t>赤来</t>
    <rPh sb="0" eb="2">
      <t>アカギ</t>
    </rPh>
    <phoneticPr fontId="1"/>
  </si>
  <si>
    <t>出雲</t>
    <rPh sb="0" eb="2">
      <t>イズモ</t>
    </rPh>
    <phoneticPr fontId="1"/>
  </si>
  <si>
    <t>平田</t>
    <rPh sb="0" eb="2">
      <t>ヒラタ</t>
    </rPh>
    <phoneticPr fontId="1"/>
  </si>
  <si>
    <t>佐田</t>
    <rPh sb="0" eb="2">
      <t>サダ</t>
    </rPh>
    <phoneticPr fontId="1"/>
  </si>
  <si>
    <t>多伎</t>
    <rPh sb="0" eb="2">
      <t>タキ</t>
    </rPh>
    <phoneticPr fontId="1"/>
  </si>
  <si>
    <t>湖陵</t>
    <rPh sb="0" eb="2">
      <t>コリョウ</t>
    </rPh>
    <phoneticPr fontId="1"/>
  </si>
  <si>
    <t>大社</t>
    <rPh sb="0" eb="2">
      <t>タイシャ</t>
    </rPh>
    <phoneticPr fontId="1"/>
  </si>
  <si>
    <t>斐川</t>
    <rPh sb="0" eb="2">
      <t>ヒカワ</t>
    </rPh>
    <phoneticPr fontId="1"/>
  </si>
  <si>
    <t>西郷</t>
    <rPh sb="0" eb="2">
      <t>サイゴウ</t>
    </rPh>
    <phoneticPr fontId="1"/>
  </si>
  <si>
    <t>布施</t>
    <rPh sb="0" eb="2">
      <t>フセ</t>
    </rPh>
    <phoneticPr fontId="1"/>
  </si>
  <si>
    <t>五箇</t>
    <rPh sb="0" eb="2">
      <t>ゴカ</t>
    </rPh>
    <phoneticPr fontId="1"/>
  </si>
  <si>
    <t>都万</t>
    <rPh sb="0" eb="2">
      <t>ツマ</t>
    </rPh>
    <phoneticPr fontId="1"/>
  </si>
  <si>
    <t>海士</t>
    <rPh sb="0" eb="2">
      <t>アマ</t>
    </rPh>
    <phoneticPr fontId="1"/>
  </si>
  <si>
    <t>西ノ島</t>
    <rPh sb="0" eb="3">
      <t>ニシノシマ</t>
    </rPh>
    <phoneticPr fontId="1"/>
  </si>
  <si>
    <t>知夫</t>
    <rPh sb="0" eb="2">
      <t>チブ</t>
    </rPh>
    <phoneticPr fontId="1"/>
  </si>
  <si>
    <t>益田</t>
    <rPh sb="0" eb="2">
      <t>マスダ</t>
    </rPh>
    <phoneticPr fontId="1"/>
  </si>
  <si>
    <t>美都</t>
    <rPh sb="0" eb="2">
      <t>ミト</t>
    </rPh>
    <phoneticPr fontId="1"/>
  </si>
  <si>
    <t>匹見</t>
    <rPh sb="0" eb="2">
      <t>ヒキミ</t>
    </rPh>
    <phoneticPr fontId="1"/>
  </si>
  <si>
    <t>津和野</t>
    <rPh sb="0" eb="3">
      <t>ツワノ</t>
    </rPh>
    <phoneticPr fontId="1"/>
  </si>
  <si>
    <t>日原</t>
    <rPh sb="0" eb="2">
      <t>ニチハラ</t>
    </rPh>
    <phoneticPr fontId="1"/>
  </si>
  <si>
    <t>柿木</t>
    <rPh sb="0" eb="2">
      <t>カキノキ</t>
    </rPh>
    <phoneticPr fontId="1"/>
  </si>
  <si>
    <t>六日市</t>
    <rPh sb="0" eb="3">
      <t>ムイカイ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76" formatCode="#,##0_ "/>
    <numFmt numFmtId="181" formatCode="0_ "/>
    <numFmt numFmtId="182" formatCode="0_);[Red]\(0\)"/>
  </numFmts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</borders>
  <cellStyleXfs count="2">
    <xf numFmtId="0" fontId="0" fillId="0" borderId="0"/>
    <xf numFmtId="0" fontId="5" fillId="0" borderId="0">
      <alignment vertical="center"/>
    </xf>
  </cellStyleXfs>
  <cellXfs count="85">
    <xf numFmtId="0" fontId="0" fillId="0" borderId="0" xfId="0"/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top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distributed" vertical="center" wrapText="1"/>
    </xf>
    <xf numFmtId="0" fontId="2" fillId="0" borderId="0" xfId="0" applyFont="1" applyAlignment="1">
      <alignment vertical="center" textRotation="255" wrapText="1"/>
    </xf>
    <xf numFmtId="0" fontId="4" fillId="0" borderId="1" xfId="0" applyFont="1" applyBorder="1" applyAlignment="1">
      <alignment horizontal="center" vertical="center" wrapText="1"/>
    </xf>
    <xf numFmtId="176" fontId="4" fillId="0" borderId="1" xfId="0" applyNumberFormat="1" applyFont="1" applyFill="1" applyBorder="1" applyAlignment="1">
      <alignment horizontal="center" vertical="center"/>
    </xf>
    <xf numFmtId="176" fontId="4" fillId="0" borderId="2" xfId="0" applyNumberFormat="1" applyFont="1" applyFill="1" applyBorder="1" applyAlignment="1">
      <alignment horizontal="center" vertical="center"/>
    </xf>
    <xf numFmtId="176" fontId="4" fillId="0" borderId="3" xfId="0" applyNumberFormat="1" applyFont="1" applyFill="1" applyBorder="1" applyAlignment="1">
      <alignment horizontal="center" vertical="center"/>
    </xf>
    <xf numFmtId="176" fontId="4" fillId="0" borderId="4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6" fillId="0" borderId="0" xfId="0" applyFont="1" applyAlignment="1">
      <alignment vertical="center"/>
    </xf>
    <xf numFmtId="41" fontId="3" fillId="0" borderId="4" xfId="0" applyNumberFormat="1" applyFont="1" applyBorder="1" applyAlignment="1">
      <alignment vertical="center" wrapText="1"/>
    </xf>
    <xf numFmtId="41" fontId="3" fillId="0" borderId="3" xfId="0" applyNumberFormat="1" applyFont="1" applyBorder="1" applyAlignment="1">
      <alignment vertical="center" wrapText="1"/>
    </xf>
    <xf numFmtId="41" fontId="3" fillId="0" borderId="1" xfId="0" applyNumberFormat="1" applyFont="1" applyBorder="1" applyAlignment="1">
      <alignment vertical="center" wrapText="1"/>
    </xf>
    <xf numFmtId="41" fontId="3" fillId="0" borderId="2" xfId="0" applyNumberFormat="1" applyFont="1" applyBorder="1" applyAlignment="1">
      <alignment vertical="center" wrapText="1"/>
    </xf>
    <xf numFmtId="41" fontId="3" fillId="0" borderId="5" xfId="0" applyNumberFormat="1" applyFont="1" applyBorder="1" applyAlignment="1">
      <alignment vertical="center" wrapText="1"/>
    </xf>
    <xf numFmtId="41" fontId="3" fillId="0" borderId="6" xfId="0" applyNumberFormat="1" applyFont="1" applyBorder="1" applyAlignment="1">
      <alignment vertical="center" wrapText="1"/>
    </xf>
    <xf numFmtId="41" fontId="3" fillId="0" borderId="7" xfId="0" applyNumberFormat="1" applyFont="1" applyBorder="1" applyAlignment="1">
      <alignment vertical="center" wrapText="1"/>
    </xf>
    <xf numFmtId="0" fontId="4" fillId="0" borderId="6" xfId="0" applyFont="1" applyBorder="1" applyAlignment="1">
      <alignment horizontal="center" vertical="distributed" textRotation="255" wrapText="1" indent="1"/>
    </xf>
    <xf numFmtId="0" fontId="4" fillId="0" borderId="6" xfId="0" applyFont="1" applyBorder="1" applyAlignment="1">
      <alignment horizontal="center" vertical="top" textRotation="255" wrapText="1" indent="1"/>
    </xf>
    <xf numFmtId="41" fontId="3" fillId="0" borderId="6" xfId="0" applyNumberFormat="1" applyFont="1" applyBorder="1" applyAlignment="1">
      <alignment horizontal="center" vertical="center" wrapText="1"/>
    </xf>
    <xf numFmtId="176" fontId="4" fillId="0" borderId="8" xfId="0" applyNumberFormat="1" applyFont="1" applyFill="1" applyBorder="1" applyAlignment="1">
      <alignment horizontal="center" vertical="center"/>
    </xf>
    <xf numFmtId="176" fontId="4" fillId="0" borderId="5" xfId="0" applyNumberFormat="1" applyFont="1" applyFill="1" applyBorder="1" applyAlignment="1">
      <alignment horizontal="center" vertical="center"/>
    </xf>
    <xf numFmtId="0" fontId="4" fillId="0" borderId="7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textRotation="255" wrapText="1"/>
    </xf>
    <xf numFmtId="0" fontId="4" fillId="0" borderId="7" xfId="0" applyFont="1" applyBorder="1" applyAlignment="1">
      <alignment vertical="center" wrapText="1"/>
    </xf>
    <xf numFmtId="0" fontId="4" fillId="0" borderId="4" xfId="0" applyFont="1" applyBorder="1" applyAlignment="1">
      <alignment vertical="top" textRotation="255" wrapText="1"/>
    </xf>
    <xf numFmtId="0" fontId="4" fillId="0" borderId="6" xfId="0" applyFont="1" applyBorder="1" applyAlignment="1">
      <alignment vertical="top" textRotation="255" wrapText="1"/>
    </xf>
    <xf numFmtId="0" fontId="2" fillId="0" borderId="1" xfId="0" applyFont="1" applyBorder="1" applyAlignment="1">
      <alignment vertical="center"/>
    </xf>
    <xf numFmtId="0" fontId="4" fillId="0" borderId="9" xfId="0" applyFont="1" applyBorder="1" applyAlignment="1">
      <alignment vertical="center" wrapText="1"/>
    </xf>
    <xf numFmtId="0" fontId="4" fillId="0" borderId="10" xfId="0" applyFont="1" applyBorder="1" applyAlignment="1">
      <alignment vertical="center" wrapText="1"/>
    </xf>
    <xf numFmtId="0" fontId="6" fillId="0" borderId="7" xfId="0" applyFont="1" applyBorder="1" applyAlignment="1">
      <alignment vertical="center" shrinkToFit="1"/>
    </xf>
    <xf numFmtId="0" fontId="4" fillId="0" borderId="6" xfId="0" applyFont="1" applyBorder="1" applyAlignment="1">
      <alignment vertical="center" textRotation="255" wrapText="1"/>
    </xf>
    <xf numFmtId="176" fontId="4" fillId="0" borderId="11" xfId="0" applyNumberFormat="1" applyFont="1" applyFill="1" applyBorder="1" applyAlignment="1">
      <alignment vertical="center"/>
    </xf>
    <xf numFmtId="0" fontId="6" fillId="0" borderId="7" xfId="0" applyFont="1" applyBorder="1" applyAlignment="1">
      <alignment horizontal="center" vertical="center" shrinkToFit="1"/>
    </xf>
    <xf numFmtId="176" fontId="7" fillId="0" borderId="10" xfId="0" applyNumberFormat="1" applyFont="1" applyBorder="1" applyAlignment="1">
      <alignment vertical="center"/>
    </xf>
    <xf numFmtId="0" fontId="6" fillId="0" borderId="7" xfId="0" applyFont="1" applyBorder="1" applyAlignment="1">
      <alignment horizontal="center" vertical="center"/>
    </xf>
    <xf numFmtId="0" fontId="6" fillId="0" borderId="7" xfId="0" applyFont="1" applyBorder="1" applyAlignment="1">
      <alignment vertical="center"/>
    </xf>
    <xf numFmtId="176" fontId="4" fillId="0" borderId="8" xfId="0" applyNumberFormat="1" applyFont="1" applyFill="1" applyBorder="1" applyAlignment="1">
      <alignment vertical="center"/>
    </xf>
    <xf numFmtId="176" fontId="4" fillId="0" borderId="5" xfId="0" applyNumberFormat="1" applyFont="1" applyFill="1" applyBorder="1" applyAlignment="1">
      <alignment vertical="center"/>
    </xf>
    <xf numFmtId="0" fontId="4" fillId="0" borderId="4" xfId="0" applyFont="1" applyBorder="1" applyAlignment="1">
      <alignment vertical="center" wrapText="1"/>
    </xf>
    <xf numFmtId="0" fontId="4" fillId="0" borderId="6" xfId="0" applyFont="1" applyBorder="1" applyAlignment="1">
      <alignment vertical="center" wrapText="1"/>
    </xf>
    <xf numFmtId="181" fontId="6" fillId="0" borderId="4" xfId="0" applyNumberFormat="1" applyFont="1" applyBorder="1" applyAlignment="1">
      <alignment horizontal="center" vertical="center"/>
    </xf>
    <xf numFmtId="181" fontId="6" fillId="0" borderId="3" xfId="0" applyNumberFormat="1" applyFont="1" applyBorder="1" applyAlignment="1">
      <alignment horizontal="center" vertical="center"/>
    </xf>
    <xf numFmtId="181" fontId="6" fillId="0" borderId="1" xfId="0" applyNumberFormat="1" applyFont="1" applyBorder="1" applyAlignment="1">
      <alignment horizontal="center" vertical="center"/>
    </xf>
    <xf numFmtId="181" fontId="6" fillId="0" borderId="2" xfId="0" applyNumberFormat="1" applyFont="1" applyBorder="1" applyAlignment="1">
      <alignment horizontal="center" vertical="center"/>
    </xf>
    <xf numFmtId="181" fontId="6" fillId="0" borderId="12" xfId="0" applyNumberFormat="1" applyFont="1" applyBorder="1" applyAlignment="1">
      <alignment horizontal="center" vertical="center"/>
    </xf>
    <xf numFmtId="181" fontId="6" fillId="0" borderId="4" xfId="0" applyNumberFormat="1" applyFont="1" applyBorder="1" applyAlignment="1">
      <alignment horizontal="center" vertical="center" wrapText="1"/>
    </xf>
    <xf numFmtId="181" fontId="6" fillId="0" borderId="13" xfId="0" applyNumberFormat="1" applyFont="1" applyBorder="1" applyAlignment="1">
      <alignment horizontal="center" vertical="center"/>
    </xf>
    <xf numFmtId="181" fontId="6" fillId="0" borderId="6" xfId="0" applyNumberFormat="1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 textRotation="255"/>
    </xf>
    <xf numFmtId="0" fontId="4" fillId="0" borderId="6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/>
    </xf>
    <xf numFmtId="0" fontId="2" fillId="0" borderId="6" xfId="0" applyFont="1" applyBorder="1" applyAlignment="1">
      <alignment vertical="center"/>
    </xf>
    <xf numFmtId="0" fontId="6" fillId="0" borderId="6" xfId="0" applyFont="1" applyBorder="1" applyAlignment="1">
      <alignment horizontal="center" vertical="center"/>
    </xf>
    <xf numFmtId="0" fontId="2" fillId="0" borderId="14" xfId="0" applyFont="1" applyBorder="1" applyAlignment="1">
      <alignment vertical="center" textRotation="255" wrapText="1"/>
    </xf>
    <xf numFmtId="181" fontId="6" fillId="0" borderId="15" xfId="0" applyNumberFormat="1" applyFont="1" applyBorder="1" applyAlignment="1">
      <alignment vertical="center"/>
    </xf>
    <xf numFmtId="0" fontId="6" fillId="0" borderId="1" xfId="0" applyFont="1" applyBorder="1" applyAlignment="1">
      <alignment horizontal="center" vertical="center"/>
    </xf>
    <xf numFmtId="181" fontId="6" fillId="0" borderId="16" xfId="0" applyNumberFormat="1" applyFont="1" applyBorder="1" applyAlignment="1">
      <alignment vertical="center"/>
    </xf>
    <xf numFmtId="0" fontId="6" fillId="0" borderId="12" xfId="0" applyFont="1" applyBorder="1" applyAlignment="1">
      <alignment horizontal="center" vertical="center"/>
    </xf>
    <xf numFmtId="181" fontId="6" fillId="0" borderId="17" xfId="0" applyNumberFormat="1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181" fontId="3" fillId="0" borderId="6" xfId="0" applyNumberFormat="1" applyFont="1" applyBorder="1" applyAlignment="1">
      <alignment vertical="center" wrapText="1"/>
    </xf>
    <xf numFmtId="181" fontId="3" fillId="0" borderId="2" xfId="0" applyNumberFormat="1" applyFont="1" applyBorder="1" applyAlignment="1">
      <alignment vertical="center" wrapText="1"/>
    </xf>
    <xf numFmtId="181" fontId="3" fillId="0" borderId="3" xfId="0" applyNumberFormat="1" applyFont="1" applyBorder="1" applyAlignment="1">
      <alignment vertical="center" wrapText="1"/>
    </xf>
    <xf numFmtId="181" fontId="3" fillId="0" borderId="1" xfId="0" applyNumberFormat="1" applyFont="1" applyBorder="1" applyAlignment="1">
      <alignment vertical="center" wrapText="1"/>
    </xf>
    <xf numFmtId="181" fontId="3" fillId="0" borderId="5" xfId="0" applyNumberFormat="1" applyFont="1" applyBorder="1" applyAlignment="1">
      <alignment vertical="center" wrapText="1"/>
    </xf>
    <xf numFmtId="182" fontId="3" fillId="0" borderId="5" xfId="0" applyNumberFormat="1" applyFont="1" applyBorder="1" applyAlignment="1">
      <alignment vertical="center" wrapText="1"/>
    </xf>
    <xf numFmtId="182" fontId="3" fillId="0" borderId="1" xfId="0" applyNumberFormat="1" applyFont="1" applyBorder="1" applyAlignment="1">
      <alignment vertical="center" wrapText="1"/>
    </xf>
    <xf numFmtId="182" fontId="3" fillId="0" borderId="6" xfId="0" applyNumberFormat="1" applyFont="1" applyBorder="1" applyAlignment="1">
      <alignment vertical="center" wrapText="1"/>
    </xf>
    <xf numFmtId="182" fontId="3" fillId="0" borderId="4" xfId="0" applyNumberFormat="1" applyFont="1" applyBorder="1" applyAlignment="1">
      <alignment vertical="center" wrapText="1"/>
    </xf>
    <xf numFmtId="182" fontId="3" fillId="0" borderId="2" xfId="0" applyNumberFormat="1" applyFont="1" applyBorder="1" applyAlignment="1">
      <alignment vertical="center" wrapText="1"/>
    </xf>
    <xf numFmtId="181" fontId="3" fillId="0" borderId="7" xfId="0" applyNumberFormat="1" applyFont="1" applyBorder="1" applyAlignment="1">
      <alignment vertical="center" wrapText="1"/>
    </xf>
    <xf numFmtId="181" fontId="3" fillId="0" borderId="6" xfId="0" applyNumberFormat="1" applyFont="1" applyBorder="1" applyAlignment="1">
      <alignment horizontal="center" vertical="center" wrapText="1"/>
    </xf>
    <xf numFmtId="41" fontId="3" fillId="0" borderId="3" xfId="0" applyNumberFormat="1" applyFont="1" applyBorder="1" applyAlignment="1">
      <alignment horizontal="center" vertical="center" wrapText="1"/>
    </xf>
    <xf numFmtId="41" fontId="3" fillId="0" borderId="1" xfId="0" applyNumberFormat="1" applyFont="1" applyBorder="1" applyAlignment="1">
      <alignment horizontal="center" vertical="center" wrapText="1"/>
    </xf>
    <xf numFmtId="181" fontId="3" fillId="0" borderId="6" xfId="0" applyNumberFormat="1" applyFont="1" applyBorder="1" applyAlignment="1">
      <alignment horizontal="center" vertical="center"/>
    </xf>
    <xf numFmtId="181" fontId="3" fillId="0" borderId="4" xfId="0" applyNumberFormat="1" applyFont="1" applyBorder="1" applyAlignment="1">
      <alignment vertical="center" wrapText="1"/>
    </xf>
    <xf numFmtId="176" fontId="4" fillId="0" borderId="15" xfId="0" applyNumberFormat="1" applyFont="1" applyFill="1" applyBorder="1" applyAlignment="1">
      <alignment vertical="center"/>
    </xf>
    <xf numFmtId="176" fontId="4" fillId="0" borderId="10" xfId="0" applyNumberFormat="1" applyFont="1" applyFill="1" applyBorder="1" applyAlignment="1">
      <alignment vertical="center"/>
    </xf>
    <xf numFmtId="176" fontId="7" fillId="0" borderId="7" xfId="0" applyNumberFormat="1" applyFont="1" applyBorder="1" applyAlignment="1">
      <alignment vertical="center"/>
    </xf>
    <xf numFmtId="176" fontId="4" fillId="0" borderId="7" xfId="0" applyNumberFormat="1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AG89"/>
  <sheetViews>
    <sheetView tabSelected="1" zoomScaleNormal="100" zoomScaleSheetLayoutView="55" workbookViewId="0"/>
  </sheetViews>
  <sheetFormatPr defaultRowHeight="9" x14ac:dyDescent="0.15"/>
  <cols>
    <col min="1" max="1" width="3.5" style="5" customWidth="1"/>
    <col min="2" max="2" width="5.25" style="4" bestFit="1" customWidth="1"/>
    <col min="3" max="3" width="6.625" style="1" bestFit="1" customWidth="1"/>
    <col min="4" max="5" width="5.625" style="1" customWidth="1"/>
    <col min="6" max="7" width="6.25" style="1" customWidth="1"/>
    <col min="8" max="8" width="6.625" style="1" customWidth="1"/>
    <col min="9" max="10" width="5.625" style="1" customWidth="1"/>
    <col min="11" max="12" width="6.25" style="1" customWidth="1"/>
    <col min="13" max="13" width="6.625" style="1" customWidth="1"/>
    <col min="14" max="14" width="5.625" style="1" customWidth="1"/>
    <col min="15" max="16" width="6.25" style="1" customWidth="1"/>
    <col min="17" max="17" width="6.625" style="1" customWidth="1"/>
    <col min="18" max="18" width="8.5" style="1" customWidth="1"/>
    <col min="19" max="25" width="6.625" style="1" customWidth="1"/>
    <col min="26" max="26" width="9.125" style="1" customWidth="1"/>
    <col min="27" max="27" width="6.625" style="1" bestFit="1" customWidth="1"/>
    <col min="28" max="28" width="8.625" style="4" customWidth="1"/>
    <col min="29" max="16384" width="9" style="1"/>
  </cols>
  <sheetData>
    <row r="1" spans="1:33" ht="12.75" customHeight="1" x14ac:dyDescent="0.15">
      <c r="A1" s="58"/>
      <c r="AB1" s="11"/>
    </row>
    <row r="2" spans="1:33" ht="15.95" customHeight="1" x14ac:dyDescent="0.15">
      <c r="A2" s="56" t="s">
        <v>84</v>
      </c>
      <c r="B2" s="38" t="s">
        <v>91</v>
      </c>
      <c r="C2" s="39" t="s">
        <v>92</v>
      </c>
      <c r="D2" s="27" t="s">
        <v>89</v>
      </c>
      <c r="E2" s="27" t="s">
        <v>89</v>
      </c>
      <c r="F2" s="27" t="s">
        <v>89</v>
      </c>
      <c r="G2" s="27" t="s">
        <v>89</v>
      </c>
      <c r="H2" s="27" t="s">
        <v>89</v>
      </c>
      <c r="I2" s="27" t="s">
        <v>89</v>
      </c>
      <c r="J2" s="27" t="s">
        <v>89</v>
      </c>
      <c r="K2" s="27" t="s">
        <v>89</v>
      </c>
      <c r="L2" s="27" t="s">
        <v>89</v>
      </c>
      <c r="M2" s="27" t="s">
        <v>89</v>
      </c>
      <c r="N2" s="27" t="s">
        <v>89</v>
      </c>
      <c r="O2" s="27" t="s">
        <v>89</v>
      </c>
      <c r="P2" s="27" t="s">
        <v>89</v>
      </c>
      <c r="Q2" s="27" t="s">
        <v>89</v>
      </c>
      <c r="R2" s="27" t="s">
        <v>89</v>
      </c>
      <c r="S2" s="27" t="s">
        <v>102</v>
      </c>
      <c r="T2" s="27" t="s">
        <v>103</v>
      </c>
      <c r="U2" s="25" t="s">
        <v>104</v>
      </c>
      <c r="V2" s="25" t="s">
        <v>109</v>
      </c>
      <c r="W2" s="27" t="s">
        <v>106</v>
      </c>
      <c r="X2" s="27" t="s">
        <v>107</v>
      </c>
      <c r="Y2" s="27" t="s">
        <v>108</v>
      </c>
      <c r="Z2" s="55" t="s">
        <v>1</v>
      </c>
      <c r="AA2" s="39" t="s">
        <v>92</v>
      </c>
      <c r="AB2" s="38" t="s">
        <v>91</v>
      </c>
    </row>
    <row r="3" spans="1:33" ht="15.95" customHeight="1" x14ac:dyDescent="0.15">
      <c r="A3" s="56" t="s">
        <v>84</v>
      </c>
      <c r="B3" s="57" t="s">
        <v>91</v>
      </c>
      <c r="C3" s="39" t="s">
        <v>92</v>
      </c>
      <c r="D3" s="31" t="s">
        <v>88</v>
      </c>
      <c r="E3" s="31" t="s">
        <v>88</v>
      </c>
      <c r="F3" s="31" t="s">
        <v>88</v>
      </c>
      <c r="G3" s="31" t="s">
        <v>88</v>
      </c>
      <c r="H3" s="31" t="s">
        <v>88</v>
      </c>
      <c r="I3" s="27" t="s">
        <v>99</v>
      </c>
      <c r="J3" s="27" t="s">
        <v>99</v>
      </c>
      <c r="K3" s="27" t="s">
        <v>99</v>
      </c>
      <c r="L3" s="27" t="s">
        <v>99</v>
      </c>
      <c r="M3" s="27" t="s">
        <v>99</v>
      </c>
      <c r="N3" s="32" t="s">
        <v>100</v>
      </c>
      <c r="O3" s="32" t="s">
        <v>100</v>
      </c>
      <c r="P3" s="32" t="s">
        <v>100</v>
      </c>
      <c r="Q3" s="32" t="s">
        <v>100</v>
      </c>
      <c r="R3" s="52" t="s">
        <v>1</v>
      </c>
      <c r="S3" s="43" t="s">
        <v>102</v>
      </c>
      <c r="T3" s="43" t="s">
        <v>103</v>
      </c>
      <c r="U3" s="54" t="s">
        <v>104</v>
      </c>
      <c r="V3" s="54" t="s">
        <v>105</v>
      </c>
      <c r="W3" s="42" t="s">
        <v>106</v>
      </c>
      <c r="X3" s="43" t="s">
        <v>107</v>
      </c>
      <c r="Y3" s="43" t="s">
        <v>108</v>
      </c>
      <c r="Z3" s="52" t="s">
        <v>1</v>
      </c>
      <c r="AA3" s="39" t="s">
        <v>92</v>
      </c>
      <c r="AB3" s="38" t="s">
        <v>91</v>
      </c>
    </row>
    <row r="4" spans="1:33" s="2" customFormat="1" ht="99.75" customHeight="1" x14ac:dyDescent="0.15">
      <c r="A4" s="30" t="s">
        <v>84</v>
      </c>
      <c r="B4" s="38" t="s">
        <v>91</v>
      </c>
      <c r="C4" s="39" t="s">
        <v>92</v>
      </c>
      <c r="D4" s="20" t="s">
        <v>6</v>
      </c>
      <c r="E4" s="21" t="s">
        <v>85</v>
      </c>
      <c r="F4" s="21" t="s">
        <v>86</v>
      </c>
      <c r="G4" s="21" t="s">
        <v>87</v>
      </c>
      <c r="H4" s="26" t="s">
        <v>23</v>
      </c>
      <c r="I4" s="20" t="s">
        <v>6</v>
      </c>
      <c r="J4" s="21" t="s">
        <v>85</v>
      </c>
      <c r="K4" s="21" t="s">
        <v>86</v>
      </c>
      <c r="L4" s="21" t="s">
        <v>87</v>
      </c>
      <c r="M4" s="26" t="s">
        <v>23</v>
      </c>
      <c r="N4" s="21" t="s">
        <v>85</v>
      </c>
      <c r="O4" s="21" t="s">
        <v>86</v>
      </c>
      <c r="P4" s="21" t="s">
        <v>87</v>
      </c>
      <c r="Q4" s="26" t="s">
        <v>23</v>
      </c>
      <c r="R4" s="53" t="s">
        <v>1</v>
      </c>
      <c r="S4" s="34" t="s">
        <v>101</v>
      </c>
      <c r="T4" s="29" t="s">
        <v>103</v>
      </c>
      <c r="U4" s="29" t="s">
        <v>104</v>
      </c>
      <c r="V4" s="29" t="s">
        <v>105</v>
      </c>
      <c r="W4" s="28" t="s">
        <v>106</v>
      </c>
      <c r="X4" s="29" t="s">
        <v>107</v>
      </c>
      <c r="Y4" s="29" t="s">
        <v>108</v>
      </c>
      <c r="Z4" s="53" t="s">
        <v>1</v>
      </c>
      <c r="AA4" s="39" t="s">
        <v>92</v>
      </c>
      <c r="AB4" s="38" t="s">
        <v>91</v>
      </c>
    </row>
    <row r="5" spans="1:33" s="3" customFormat="1" ht="15.95" customHeight="1" x14ac:dyDescent="0.15">
      <c r="A5" s="33" t="s">
        <v>2</v>
      </c>
      <c r="B5" s="44" t="s">
        <v>7</v>
      </c>
      <c r="C5" s="44" t="s">
        <v>110</v>
      </c>
      <c r="D5" s="13">
        <v>0</v>
      </c>
      <c r="E5" s="13">
        <v>0</v>
      </c>
      <c r="F5" s="13">
        <v>0</v>
      </c>
      <c r="G5" s="13">
        <v>0</v>
      </c>
      <c r="H5" s="14">
        <v>0</v>
      </c>
      <c r="I5" s="13">
        <v>0</v>
      </c>
      <c r="J5" s="13">
        <v>0</v>
      </c>
      <c r="K5" s="13">
        <v>0</v>
      </c>
      <c r="L5" s="13">
        <v>0</v>
      </c>
      <c r="M5" s="13">
        <v>0</v>
      </c>
      <c r="N5" s="13">
        <v>0</v>
      </c>
      <c r="O5" s="13">
        <v>0</v>
      </c>
      <c r="P5" s="13">
        <v>0</v>
      </c>
      <c r="Q5" s="13">
        <v>0</v>
      </c>
      <c r="R5" s="13">
        <v>0</v>
      </c>
      <c r="S5" s="13">
        <v>0</v>
      </c>
      <c r="T5" s="13">
        <v>0</v>
      </c>
      <c r="U5" s="13">
        <v>0</v>
      </c>
      <c r="V5" s="13">
        <v>0</v>
      </c>
      <c r="W5" s="13">
        <v>0</v>
      </c>
      <c r="X5" s="13">
        <v>0</v>
      </c>
      <c r="Y5" s="13">
        <v>0</v>
      </c>
      <c r="Z5" s="13">
        <v>0</v>
      </c>
      <c r="AA5" s="10" t="s">
        <v>25</v>
      </c>
      <c r="AB5" s="44" t="s">
        <v>7</v>
      </c>
      <c r="AE5"/>
      <c r="AF5"/>
      <c r="AG5"/>
    </row>
    <row r="6" spans="1:33" s="3" customFormat="1" ht="15.95" customHeight="1" x14ac:dyDescent="0.15">
      <c r="A6" s="33" t="s">
        <v>2</v>
      </c>
      <c r="B6" s="45" t="s">
        <v>8</v>
      </c>
      <c r="C6" s="45" t="s">
        <v>111</v>
      </c>
      <c r="D6" s="14">
        <v>0</v>
      </c>
      <c r="E6" s="14">
        <v>0</v>
      </c>
      <c r="F6" s="14">
        <v>35.1</v>
      </c>
      <c r="G6" s="14">
        <v>152.66999999999999</v>
      </c>
      <c r="H6" s="14">
        <v>187.76999999999998</v>
      </c>
      <c r="I6" s="14">
        <v>0</v>
      </c>
      <c r="J6" s="14">
        <v>0</v>
      </c>
      <c r="K6" s="14">
        <v>0</v>
      </c>
      <c r="L6" s="14">
        <v>0</v>
      </c>
      <c r="M6" s="14">
        <v>0</v>
      </c>
      <c r="N6" s="14">
        <v>0</v>
      </c>
      <c r="O6" s="14">
        <v>0</v>
      </c>
      <c r="P6" s="14">
        <v>914.03</v>
      </c>
      <c r="Q6" s="14">
        <v>914.03</v>
      </c>
      <c r="R6" s="67">
        <v>1101.8</v>
      </c>
      <c r="S6" s="14">
        <v>0</v>
      </c>
      <c r="T6" s="14">
        <v>0</v>
      </c>
      <c r="U6" s="14">
        <v>0</v>
      </c>
      <c r="V6" s="14">
        <v>0</v>
      </c>
      <c r="W6" s="14">
        <v>0</v>
      </c>
      <c r="X6" s="14">
        <v>0</v>
      </c>
      <c r="Y6" s="14">
        <v>0</v>
      </c>
      <c r="Z6" s="67">
        <v>1101.8</v>
      </c>
      <c r="AA6" s="9" t="s">
        <v>26</v>
      </c>
      <c r="AB6" s="45" t="s">
        <v>8</v>
      </c>
      <c r="AE6"/>
      <c r="AF6"/>
      <c r="AG6"/>
    </row>
    <row r="7" spans="1:33" s="3" customFormat="1" ht="15.95" customHeight="1" x14ac:dyDescent="0.15">
      <c r="A7" s="33" t="s">
        <v>2</v>
      </c>
      <c r="B7" s="46" t="s">
        <v>8</v>
      </c>
      <c r="C7" s="46" t="s">
        <v>112</v>
      </c>
      <c r="D7" s="15">
        <v>0</v>
      </c>
      <c r="E7" s="15">
        <v>0</v>
      </c>
      <c r="F7" s="15">
        <v>0</v>
      </c>
      <c r="G7" s="15">
        <v>0</v>
      </c>
      <c r="H7" s="15">
        <v>0</v>
      </c>
      <c r="I7" s="15">
        <v>0</v>
      </c>
      <c r="J7" s="15">
        <v>0</v>
      </c>
      <c r="K7" s="15">
        <v>0</v>
      </c>
      <c r="L7" s="15">
        <v>0</v>
      </c>
      <c r="M7" s="15">
        <v>0</v>
      </c>
      <c r="N7" s="15">
        <v>0</v>
      </c>
      <c r="O7" s="15">
        <v>0</v>
      </c>
      <c r="P7" s="15">
        <v>333.79</v>
      </c>
      <c r="Q7" s="15">
        <v>333.79</v>
      </c>
      <c r="R7" s="15">
        <v>333.79</v>
      </c>
      <c r="S7" s="15">
        <v>0</v>
      </c>
      <c r="T7" s="15">
        <v>0</v>
      </c>
      <c r="U7" s="15">
        <v>0</v>
      </c>
      <c r="V7" s="15">
        <v>0</v>
      </c>
      <c r="W7" s="15">
        <v>0</v>
      </c>
      <c r="X7" s="15">
        <v>0</v>
      </c>
      <c r="Y7" s="15">
        <v>0</v>
      </c>
      <c r="Z7" s="68">
        <v>333.79</v>
      </c>
      <c r="AA7" s="7" t="s">
        <v>27</v>
      </c>
      <c r="AB7" s="46" t="s">
        <v>8</v>
      </c>
      <c r="AE7"/>
      <c r="AF7"/>
      <c r="AG7"/>
    </row>
    <row r="8" spans="1:33" s="3" customFormat="1" ht="15.95" customHeight="1" x14ac:dyDescent="0.15">
      <c r="A8" s="33" t="s">
        <v>2</v>
      </c>
      <c r="B8" s="47" t="s">
        <v>8</v>
      </c>
      <c r="C8" s="47" t="s">
        <v>20</v>
      </c>
      <c r="D8" s="16">
        <v>0</v>
      </c>
      <c r="E8" s="16">
        <v>0</v>
      </c>
      <c r="F8" s="16">
        <v>35.1</v>
      </c>
      <c r="G8" s="16">
        <v>152.66999999999999</v>
      </c>
      <c r="H8" s="16">
        <v>187.76999999999998</v>
      </c>
      <c r="I8" s="16">
        <v>0</v>
      </c>
      <c r="J8" s="16">
        <v>0</v>
      </c>
      <c r="K8" s="16">
        <v>0</v>
      </c>
      <c r="L8" s="16">
        <v>0</v>
      </c>
      <c r="M8" s="16">
        <v>0</v>
      </c>
      <c r="N8" s="16">
        <v>0</v>
      </c>
      <c r="O8" s="16">
        <v>0</v>
      </c>
      <c r="P8" s="66">
        <v>1247.82</v>
      </c>
      <c r="Q8" s="66">
        <v>1247.82</v>
      </c>
      <c r="R8" s="66">
        <v>1435.59</v>
      </c>
      <c r="S8" s="16">
        <v>0</v>
      </c>
      <c r="T8" s="16">
        <v>0</v>
      </c>
      <c r="U8" s="16">
        <v>0</v>
      </c>
      <c r="V8" s="16">
        <v>0</v>
      </c>
      <c r="W8" s="16">
        <v>0</v>
      </c>
      <c r="X8" s="16">
        <v>0</v>
      </c>
      <c r="Y8" s="16">
        <v>0</v>
      </c>
      <c r="Z8" s="66">
        <v>1435.59</v>
      </c>
      <c r="AA8" s="8" t="s">
        <v>28</v>
      </c>
      <c r="AB8" s="47" t="s">
        <v>8</v>
      </c>
      <c r="AE8"/>
      <c r="AF8"/>
      <c r="AG8"/>
    </row>
    <row r="9" spans="1:33" s="3" customFormat="1" ht="15.95" customHeight="1" x14ac:dyDescent="0.15">
      <c r="A9" s="33" t="s">
        <v>2</v>
      </c>
      <c r="B9" s="46" t="s">
        <v>9</v>
      </c>
      <c r="C9" s="46" t="s">
        <v>113</v>
      </c>
      <c r="D9" s="15">
        <v>0</v>
      </c>
      <c r="E9" s="15">
        <v>0</v>
      </c>
      <c r="F9" s="15">
        <v>0</v>
      </c>
      <c r="G9" s="15">
        <v>0</v>
      </c>
      <c r="H9" s="15">
        <v>0</v>
      </c>
      <c r="I9" s="15">
        <v>0</v>
      </c>
      <c r="J9" s="15">
        <v>0</v>
      </c>
      <c r="K9" s="15">
        <v>0</v>
      </c>
      <c r="L9" s="15">
        <v>0</v>
      </c>
      <c r="M9" s="15">
        <v>0</v>
      </c>
      <c r="N9" s="15">
        <v>0</v>
      </c>
      <c r="O9" s="15">
        <v>0</v>
      </c>
      <c r="P9" s="15">
        <v>407.23</v>
      </c>
      <c r="Q9" s="15">
        <v>407.23</v>
      </c>
      <c r="R9" s="15">
        <v>407.23</v>
      </c>
      <c r="S9" s="15">
        <v>0</v>
      </c>
      <c r="T9" s="15">
        <v>0</v>
      </c>
      <c r="U9" s="15">
        <v>0</v>
      </c>
      <c r="V9" s="15">
        <v>0</v>
      </c>
      <c r="W9" s="15">
        <v>0</v>
      </c>
      <c r="X9" s="15">
        <v>0</v>
      </c>
      <c r="Y9" s="15">
        <v>0</v>
      </c>
      <c r="Z9" s="68">
        <v>407.23</v>
      </c>
      <c r="AA9" s="7" t="s">
        <v>76</v>
      </c>
      <c r="AB9" s="46" t="s">
        <v>9</v>
      </c>
      <c r="AE9"/>
      <c r="AF9"/>
      <c r="AG9"/>
    </row>
    <row r="10" spans="1:33" s="3" customFormat="1" ht="15.95" customHeight="1" x14ac:dyDescent="0.15">
      <c r="A10" s="33" t="s">
        <v>2</v>
      </c>
      <c r="B10" s="46" t="s">
        <v>93</v>
      </c>
      <c r="C10" s="46" t="s">
        <v>114</v>
      </c>
      <c r="D10" s="15">
        <v>0</v>
      </c>
      <c r="E10" s="15">
        <v>0</v>
      </c>
      <c r="F10" s="15">
        <v>0</v>
      </c>
      <c r="G10" s="15">
        <v>0</v>
      </c>
      <c r="H10" s="15">
        <v>0</v>
      </c>
      <c r="I10" s="15">
        <v>0</v>
      </c>
      <c r="J10" s="15">
        <v>0</v>
      </c>
      <c r="K10" s="15">
        <v>0</v>
      </c>
      <c r="L10" s="15">
        <v>10.07</v>
      </c>
      <c r="M10" s="15">
        <v>10.07</v>
      </c>
      <c r="N10" s="15">
        <v>0</v>
      </c>
      <c r="O10" s="15">
        <v>0</v>
      </c>
      <c r="P10" s="15">
        <v>0</v>
      </c>
      <c r="Q10" s="15">
        <v>0</v>
      </c>
      <c r="R10" s="15">
        <v>10.07</v>
      </c>
      <c r="S10" s="15">
        <v>0</v>
      </c>
      <c r="T10" s="15">
        <v>0</v>
      </c>
      <c r="U10" s="15">
        <v>0</v>
      </c>
      <c r="V10" s="15">
        <v>0</v>
      </c>
      <c r="W10" s="15">
        <v>0</v>
      </c>
      <c r="X10" s="15">
        <v>0</v>
      </c>
      <c r="Y10" s="15">
        <v>0</v>
      </c>
      <c r="Z10" s="68">
        <v>10.07</v>
      </c>
      <c r="AA10" s="7" t="s">
        <v>29</v>
      </c>
      <c r="AB10" s="46" t="s">
        <v>93</v>
      </c>
      <c r="AE10"/>
      <c r="AF10"/>
      <c r="AG10"/>
    </row>
    <row r="11" spans="1:33" s="3" customFormat="1" ht="15.95" customHeight="1" x14ac:dyDescent="0.15">
      <c r="A11" s="33" t="s">
        <v>2</v>
      </c>
      <c r="B11" s="46" t="s">
        <v>93</v>
      </c>
      <c r="C11" s="46" t="s">
        <v>115</v>
      </c>
      <c r="D11" s="15">
        <v>0</v>
      </c>
      <c r="E11" s="15">
        <v>0</v>
      </c>
      <c r="F11" s="15">
        <v>0</v>
      </c>
      <c r="G11" s="15">
        <v>0</v>
      </c>
      <c r="H11" s="15">
        <v>0</v>
      </c>
      <c r="I11" s="15">
        <v>0</v>
      </c>
      <c r="J11" s="15">
        <v>0</v>
      </c>
      <c r="K11" s="15">
        <v>0</v>
      </c>
      <c r="L11" s="15">
        <v>0</v>
      </c>
      <c r="M11" s="15">
        <v>0</v>
      </c>
      <c r="N11" s="15">
        <v>0</v>
      </c>
      <c r="O11" s="15">
        <v>87.67</v>
      </c>
      <c r="P11" s="15">
        <v>509.79</v>
      </c>
      <c r="Q11" s="15">
        <v>597.46</v>
      </c>
      <c r="R11" s="15">
        <v>597.46</v>
      </c>
      <c r="S11" s="15">
        <v>0</v>
      </c>
      <c r="T11" s="15">
        <v>0</v>
      </c>
      <c r="U11" s="15">
        <v>0</v>
      </c>
      <c r="V11" s="15">
        <v>84.31</v>
      </c>
      <c r="W11" s="15">
        <v>0</v>
      </c>
      <c r="X11" s="15">
        <v>0</v>
      </c>
      <c r="Y11" s="15">
        <v>550.77</v>
      </c>
      <c r="Z11" s="68">
        <v>1232.54</v>
      </c>
      <c r="AA11" s="7" t="s">
        <v>30</v>
      </c>
      <c r="AB11" s="46" t="s">
        <v>93</v>
      </c>
      <c r="AE11"/>
      <c r="AF11"/>
      <c r="AG11"/>
    </row>
    <row r="12" spans="1:33" s="3" customFormat="1" ht="15.95" customHeight="1" x14ac:dyDescent="0.15">
      <c r="A12" s="33" t="s">
        <v>2</v>
      </c>
      <c r="B12" s="46" t="s">
        <v>93</v>
      </c>
      <c r="C12" s="46" t="s">
        <v>20</v>
      </c>
      <c r="D12" s="15">
        <v>0</v>
      </c>
      <c r="E12" s="15">
        <v>0</v>
      </c>
      <c r="F12" s="15">
        <v>0</v>
      </c>
      <c r="G12" s="15">
        <v>0</v>
      </c>
      <c r="H12" s="15">
        <v>0</v>
      </c>
      <c r="I12" s="15">
        <v>0</v>
      </c>
      <c r="J12" s="15">
        <v>0</v>
      </c>
      <c r="K12" s="15">
        <v>0</v>
      </c>
      <c r="L12" s="15">
        <v>10.07</v>
      </c>
      <c r="M12" s="15">
        <v>10.07</v>
      </c>
      <c r="N12" s="15">
        <v>0</v>
      </c>
      <c r="O12" s="15">
        <v>87.67</v>
      </c>
      <c r="P12" s="15">
        <v>917.02</v>
      </c>
      <c r="Q12" s="68">
        <v>1004.69</v>
      </c>
      <c r="R12" s="68">
        <v>1014.76</v>
      </c>
      <c r="S12" s="15">
        <v>0</v>
      </c>
      <c r="T12" s="15">
        <v>0</v>
      </c>
      <c r="U12" s="15">
        <v>0</v>
      </c>
      <c r="V12" s="15">
        <v>84.31</v>
      </c>
      <c r="W12" s="15">
        <v>0</v>
      </c>
      <c r="X12" s="15">
        <v>0</v>
      </c>
      <c r="Y12" s="15">
        <v>550.77</v>
      </c>
      <c r="Z12" s="68">
        <v>1649.84</v>
      </c>
      <c r="AA12" s="8" t="s">
        <v>28</v>
      </c>
      <c r="AB12" s="46" t="s">
        <v>93</v>
      </c>
      <c r="AE12"/>
      <c r="AF12"/>
      <c r="AG12"/>
    </row>
    <row r="13" spans="1:33" s="3" customFormat="1" ht="15.95" customHeight="1" x14ac:dyDescent="0.15">
      <c r="A13" s="33" t="s">
        <v>2</v>
      </c>
      <c r="B13" s="45" t="s">
        <v>10</v>
      </c>
      <c r="C13" s="45" t="s">
        <v>116</v>
      </c>
      <c r="D13" s="14">
        <v>0</v>
      </c>
      <c r="E13" s="14">
        <v>17.09</v>
      </c>
      <c r="F13" s="14">
        <v>886.98</v>
      </c>
      <c r="G13" s="14">
        <v>167.84</v>
      </c>
      <c r="H13" s="67">
        <v>1071.9100000000001</v>
      </c>
      <c r="I13" s="14">
        <v>0</v>
      </c>
      <c r="J13" s="14">
        <v>0</v>
      </c>
      <c r="K13" s="14">
        <v>0</v>
      </c>
      <c r="L13" s="14">
        <v>0</v>
      </c>
      <c r="M13" s="14">
        <v>0</v>
      </c>
      <c r="N13" s="14">
        <v>0</v>
      </c>
      <c r="O13" s="14">
        <v>0</v>
      </c>
      <c r="P13" s="14">
        <v>0</v>
      </c>
      <c r="Q13" s="14">
        <v>0</v>
      </c>
      <c r="R13" s="67">
        <v>1071.9100000000001</v>
      </c>
      <c r="S13" s="14">
        <v>0</v>
      </c>
      <c r="T13" s="14">
        <v>0</v>
      </c>
      <c r="U13" s="14">
        <v>0</v>
      </c>
      <c r="V13" s="14">
        <v>94.85</v>
      </c>
      <c r="W13" s="14">
        <v>0</v>
      </c>
      <c r="X13" s="14">
        <v>0</v>
      </c>
      <c r="Y13" s="14">
        <v>32.590000000000003</v>
      </c>
      <c r="Z13" s="67">
        <v>1199.3499999999999</v>
      </c>
      <c r="AA13" s="9" t="s">
        <v>31</v>
      </c>
      <c r="AB13" s="45" t="s">
        <v>10</v>
      </c>
      <c r="AE13"/>
      <c r="AF13"/>
      <c r="AG13"/>
    </row>
    <row r="14" spans="1:33" s="3" customFormat="1" ht="15.95" customHeight="1" x14ac:dyDescent="0.15">
      <c r="A14" s="33" t="s">
        <v>2</v>
      </c>
      <c r="B14" s="46" t="s">
        <v>10</v>
      </c>
      <c r="C14" s="46" t="s">
        <v>117</v>
      </c>
      <c r="D14" s="15">
        <v>0</v>
      </c>
      <c r="E14" s="15">
        <v>0</v>
      </c>
      <c r="F14" s="15">
        <v>0</v>
      </c>
      <c r="G14" s="15">
        <v>0</v>
      </c>
      <c r="H14" s="15">
        <v>0</v>
      </c>
      <c r="I14" s="15">
        <v>0</v>
      </c>
      <c r="J14" s="15">
        <v>0</v>
      </c>
      <c r="K14" s="15">
        <v>0</v>
      </c>
      <c r="L14" s="15">
        <v>0</v>
      </c>
      <c r="M14" s="15">
        <v>0</v>
      </c>
      <c r="N14" s="15">
        <v>0</v>
      </c>
      <c r="O14" s="15">
        <v>0</v>
      </c>
      <c r="P14" s="15">
        <v>0</v>
      </c>
      <c r="Q14" s="15">
        <v>0</v>
      </c>
      <c r="R14" s="15">
        <v>0</v>
      </c>
      <c r="S14" s="15">
        <v>0</v>
      </c>
      <c r="T14" s="15">
        <v>0</v>
      </c>
      <c r="U14" s="15">
        <v>0</v>
      </c>
      <c r="V14" s="15">
        <v>0</v>
      </c>
      <c r="W14" s="15">
        <v>0</v>
      </c>
      <c r="X14" s="15">
        <v>0</v>
      </c>
      <c r="Y14" s="15">
        <v>0</v>
      </c>
      <c r="Z14" s="15">
        <v>0</v>
      </c>
      <c r="AA14" s="7" t="s">
        <v>32</v>
      </c>
      <c r="AB14" s="46" t="s">
        <v>10</v>
      </c>
      <c r="AE14"/>
      <c r="AF14"/>
      <c r="AG14"/>
    </row>
    <row r="15" spans="1:33" s="3" customFormat="1" ht="15.95" customHeight="1" x14ac:dyDescent="0.15">
      <c r="A15" s="33" t="s">
        <v>2</v>
      </c>
      <c r="B15" s="46" t="s">
        <v>10</v>
      </c>
      <c r="C15" s="46" t="s">
        <v>118</v>
      </c>
      <c r="D15" s="15">
        <v>0</v>
      </c>
      <c r="E15" s="15">
        <v>0</v>
      </c>
      <c r="F15" s="15">
        <v>0</v>
      </c>
      <c r="G15" s="15">
        <v>0</v>
      </c>
      <c r="H15" s="15">
        <v>0</v>
      </c>
      <c r="I15" s="15">
        <v>0</v>
      </c>
      <c r="J15" s="15">
        <v>0</v>
      </c>
      <c r="K15" s="15">
        <v>0</v>
      </c>
      <c r="L15" s="15">
        <v>0</v>
      </c>
      <c r="M15" s="15">
        <v>0</v>
      </c>
      <c r="N15" s="15">
        <v>0</v>
      </c>
      <c r="O15" s="15">
        <v>0</v>
      </c>
      <c r="P15" s="15">
        <v>0</v>
      </c>
      <c r="Q15" s="15">
        <v>0</v>
      </c>
      <c r="R15" s="15">
        <v>0</v>
      </c>
      <c r="S15" s="15">
        <v>0</v>
      </c>
      <c r="T15" s="15">
        <v>0</v>
      </c>
      <c r="U15" s="15">
        <v>0</v>
      </c>
      <c r="V15" s="15">
        <v>0</v>
      </c>
      <c r="W15" s="15">
        <v>0</v>
      </c>
      <c r="X15" s="15">
        <v>0</v>
      </c>
      <c r="Y15" s="15">
        <v>0</v>
      </c>
      <c r="Z15" s="15">
        <v>0</v>
      </c>
      <c r="AA15" s="7" t="s">
        <v>77</v>
      </c>
      <c r="AB15" s="46" t="s">
        <v>10</v>
      </c>
      <c r="AE15"/>
      <c r="AF15"/>
      <c r="AG15"/>
    </row>
    <row r="16" spans="1:33" s="3" customFormat="1" ht="15.95" customHeight="1" x14ac:dyDescent="0.15">
      <c r="A16" s="33" t="s">
        <v>2</v>
      </c>
      <c r="B16" s="48" t="s">
        <v>10</v>
      </c>
      <c r="C16" s="48" t="s">
        <v>20</v>
      </c>
      <c r="D16" s="15">
        <v>0</v>
      </c>
      <c r="E16" s="15">
        <v>17.09</v>
      </c>
      <c r="F16" s="15">
        <v>886.98</v>
      </c>
      <c r="G16" s="15">
        <v>167.84</v>
      </c>
      <c r="H16" s="68">
        <v>1071.9100000000001</v>
      </c>
      <c r="I16" s="15">
        <v>0</v>
      </c>
      <c r="J16" s="15">
        <v>0</v>
      </c>
      <c r="K16" s="15">
        <v>0</v>
      </c>
      <c r="L16" s="15">
        <v>0</v>
      </c>
      <c r="M16" s="15">
        <v>0</v>
      </c>
      <c r="N16" s="15">
        <v>0</v>
      </c>
      <c r="O16" s="15">
        <v>0</v>
      </c>
      <c r="P16" s="15">
        <v>0</v>
      </c>
      <c r="Q16" s="15">
        <v>0</v>
      </c>
      <c r="R16" s="68">
        <v>1071.9100000000001</v>
      </c>
      <c r="S16" s="15">
        <v>0</v>
      </c>
      <c r="T16" s="15">
        <v>0</v>
      </c>
      <c r="U16" s="15">
        <v>0</v>
      </c>
      <c r="V16" s="15">
        <v>94.85</v>
      </c>
      <c r="W16" s="15">
        <v>0</v>
      </c>
      <c r="X16" s="15">
        <v>0</v>
      </c>
      <c r="Y16" s="15">
        <v>32.590000000000003</v>
      </c>
      <c r="Z16" s="68">
        <v>1199.3499999999999</v>
      </c>
      <c r="AA16" s="8" t="s">
        <v>20</v>
      </c>
      <c r="AB16" s="48" t="s">
        <v>10</v>
      </c>
      <c r="AE16"/>
      <c r="AF16"/>
      <c r="AG16"/>
    </row>
    <row r="17" spans="1:33" s="3" customFormat="1" ht="15.95" customHeight="1" x14ac:dyDescent="0.15">
      <c r="A17" s="33" t="s">
        <v>2</v>
      </c>
      <c r="B17" s="23" t="s">
        <v>0</v>
      </c>
      <c r="C17" s="59" t="s">
        <v>0</v>
      </c>
      <c r="D17" s="17">
        <v>0</v>
      </c>
      <c r="E17" s="17">
        <v>17.09</v>
      </c>
      <c r="F17" s="17">
        <v>922.08</v>
      </c>
      <c r="G17" s="17">
        <v>320.51</v>
      </c>
      <c r="H17" s="69">
        <v>1259.68</v>
      </c>
      <c r="I17" s="17">
        <v>0</v>
      </c>
      <c r="J17" s="17">
        <v>0</v>
      </c>
      <c r="K17" s="17">
        <v>0</v>
      </c>
      <c r="L17" s="17">
        <v>10.07</v>
      </c>
      <c r="M17" s="17">
        <v>10.07</v>
      </c>
      <c r="N17" s="17">
        <v>0</v>
      </c>
      <c r="O17" s="17">
        <v>87.67</v>
      </c>
      <c r="P17" s="69">
        <v>2164.84</v>
      </c>
      <c r="Q17" s="69">
        <v>2252.5100000000002</v>
      </c>
      <c r="R17" s="69">
        <v>3522.26</v>
      </c>
      <c r="S17" s="17">
        <v>0</v>
      </c>
      <c r="T17" s="17">
        <v>0</v>
      </c>
      <c r="U17" s="17">
        <v>0</v>
      </c>
      <c r="V17" s="17">
        <v>179.16</v>
      </c>
      <c r="W17" s="17">
        <v>0</v>
      </c>
      <c r="X17" s="17">
        <v>0</v>
      </c>
      <c r="Y17" s="17">
        <v>583.36</v>
      </c>
      <c r="Z17" s="69">
        <v>4284.78</v>
      </c>
      <c r="AA17" s="40" t="s">
        <v>0</v>
      </c>
      <c r="AB17" s="24" t="s">
        <v>0</v>
      </c>
      <c r="AE17"/>
      <c r="AF17"/>
      <c r="AG17"/>
    </row>
    <row r="18" spans="1:33" s="3" customFormat="1" ht="15.95" customHeight="1" x14ac:dyDescent="0.15">
      <c r="A18" s="33" t="s">
        <v>2</v>
      </c>
      <c r="B18" s="44" t="s">
        <v>11</v>
      </c>
      <c r="C18" s="44" t="s">
        <v>119</v>
      </c>
      <c r="D18" s="15">
        <v>0</v>
      </c>
      <c r="E18" s="15">
        <v>0</v>
      </c>
      <c r="F18" s="15">
        <v>0</v>
      </c>
      <c r="G18" s="15">
        <v>0</v>
      </c>
      <c r="H18" s="15">
        <v>0</v>
      </c>
      <c r="I18" s="15">
        <v>0</v>
      </c>
      <c r="J18" s="15">
        <v>0</v>
      </c>
      <c r="K18" s="15">
        <v>0</v>
      </c>
      <c r="L18" s="15">
        <v>0</v>
      </c>
      <c r="M18" s="15">
        <v>0</v>
      </c>
      <c r="N18" s="15">
        <v>0</v>
      </c>
      <c r="O18" s="15">
        <v>98.26</v>
      </c>
      <c r="P18" s="15">
        <v>52.48</v>
      </c>
      <c r="Q18" s="15">
        <v>150.74</v>
      </c>
      <c r="R18" s="15">
        <v>150.74</v>
      </c>
      <c r="S18" s="15">
        <v>0</v>
      </c>
      <c r="T18" s="15">
        <v>0</v>
      </c>
      <c r="U18" s="15">
        <v>0</v>
      </c>
      <c r="V18" s="15">
        <v>0</v>
      </c>
      <c r="W18" s="15">
        <v>0</v>
      </c>
      <c r="X18" s="15">
        <v>0</v>
      </c>
      <c r="Y18" s="15">
        <v>0.14000000000000001</v>
      </c>
      <c r="Z18" s="68">
        <v>150.88</v>
      </c>
      <c r="AA18" s="7" t="s">
        <v>33</v>
      </c>
      <c r="AB18" s="44" t="s">
        <v>11</v>
      </c>
      <c r="AE18"/>
      <c r="AF18"/>
      <c r="AG18"/>
    </row>
    <row r="19" spans="1:33" s="3" customFormat="1" ht="15.95" customHeight="1" x14ac:dyDescent="0.15">
      <c r="A19" s="33" t="s">
        <v>2</v>
      </c>
      <c r="B19" s="46" t="s">
        <v>11</v>
      </c>
      <c r="C19" s="46" t="s">
        <v>120</v>
      </c>
      <c r="D19" s="15">
        <v>0</v>
      </c>
      <c r="E19" s="15">
        <v>0</v>
      </c>
      <c r="F19" s="15">
        <v>0</v>
      </c>
      <c r="G19" s="15">
        <v>0</v>
      </c>
      <c r="H19" s="15">
        <v>0</v>
      </c>
      <c r="I19" s="15">
        <v>0</v>
      </c>
      <c r="J19" s="15">
        <v>3.81</v>
      </c>
      <c r="K19" s="15">
        <v>152.44999999999999</v>
      </c>
      <c r="L19" s="15">
        <v>289.83999999999997</v>
      </c>
      <c r="M19" s="15">
        <v>446.09999999999997</v>
      </c>
      <c r="N19" s="15">
        <v>0</v>
      </c>
      <c r="O19" s="15">
        <v>0</v>
      </c>
      <c r="P19" s="15">
        <v>0</v>
      </c>
      <c r="Q19" s="15">
        <v>0</v>
      </c>
      <c r="R19" s="15">
        <v>446.09999999999997</v>
      </c>
      <c r="S19" s="15">
        <v>0</v>
      </c>
      <c r="T19" s="15">
        <v>0</v>
      </c>
      <c r="U19" s="15">
        <v>0</v>
      </c>
      <c r="V19" s="15">
        <v>0</v>
      </c>
      <c r="W19" s="15">
        <v>0</v>
      </c>
      <c r="X19" s="15">
        <v>0</v>
      </c>
      <c r="Y19" s="15">
        <v>0</v>
      </c>
      <c r="Z19" s="68">
        <v>446.09999999999997</v>
      </c>
      <c r="AA19" s="7" t="s">
        <v>34</v>
      </c>
      <c r="AB19" s="46" t="s">
        <v>11</v>
      </c>
      <c r="AE19"/>
      <c r="AF19"/>
      <c r="AG19"/>
    </row>
    <row r="20" spans="1:33" s="3" customFormat="1" ht="15.95" customHeight="1" x14ac:dyDescent="0.15">
      <c r="A20" s="33" t="s">
        <v>2</v>
      </c>
      <c r="B20" s="46" t="s">
        <v>11</v>
      </c>
      <c r="C20" s="46" t="s">
        <v>121</v>
      </c>
      <c r="D20" s="15">
        <v>0</v>
      </c>
      <c r="E20" s="15">
        <v>0</v>
      </c>
      <c r="F20" s="15">
        <v>0</v>
      </c>
      <c r="G20" s="15">
        <v>0</v>
      </c>
      <c r="H20" s="15">
        <v>0</v>
      </c>
      <c r="I20" s="15">
        <v>0</v>
      </c>
      <c r="J20" s="15">
        <v>43.93</v>
      </c>
      <c r="K20" s="15">
        <v>33.020000000000003</v>
      </c>
      <c r="L20" s="15">
        <v>388.83</v>
      </c>
      <c r="M20" s="15">
        <v>465.78</v>
      </c>
      <c r="N20" s="15">
        <v>0</v>
      </c>
      <c r="O20" s="15">
        <v>0</v>
      </c>
      <c r="P20" s="15">
        <v>0</v>
      </c>
      <c r="Q20" s="15">
        <v>0</v>
      </c>
      <c r="R20" s="15">
        <v>465.78</v>
      </c>
      <c r="S20" s="15">
        <v>0</v>
      </c>
      <c r="T20" s="15">
        <v>0</v>
      </c>
      <c r="U20" s="15">
        <v>0</v>
      </c>
      <c r="V20" s="15">
        <v>0</v>
      </c>
      <c r="W20" s="15">
        <v>0</v>
      </c>
      <c r="X20" s="15">
        <v>0</v>
      </c>
      <c r="Y20" s="15">
        <v>0</v>
      </c>
      <c r="Z20" s="68">
        <v>465.78</v>
      </c>
      <c r="AA20" s="7" t="s">
        <v>24</v>
      </c>
      <c r="AB20" s="46" t="s">
        <v>11</v>
      </c>
      <c r="AE20"/>
      <c r="AF20"/>
      <c r="AG20"/>
    </row>
    <row r="21" spans="1:33" s="3" customFormat="1" ht="15.95" customHeight="1" x14ac:dyDescent="0.15">
      <c r="A21" s="33" t="s">
        <v>2</v>
      </c>
      <c r="B21" s="46" t="s">
        <v>11</v>
      </c>
      <c r="C21" s="46" t="s">
        <v>122</v>
      </c>
      <c r="D21" s="15">
        <v>0</v>
      </c>
      <c r="E21" s="15">
        <v>0</v>
      </c>
      <c r="F21" s="15">
        <v>0</v>
      </c>
      <c r="G21" s="15">
        <v>0</v>
      </c>
      <c r="H21" s="15">
        <v>0</v>
      </c>
      <c r="I21" s="15">
        <v>0</v>
      </c>
      <c r="J21" s="15">
        <v>0</v>
      </c>
      <c r="K21" s="15">
        <v>0</v>
      </c>
      <c r="L21" s="15">
        <v>0</v>
      </c>
      <c r="M21" s="15">
        <v>0</v>
      </c>
      <c r="N21" s="15">
        <v>0</v>
      </c>
      <c r="O21" s="15">
        <v>0</v>
      </c>
      <c r="P21" s="15">
        <v>0</v>
      </c>
      <c r="Q21" s="15">
        <v>0</v>
      </c>
      <c r="R21" s="15">
        <v>0</v>
      </c>
      <c r="S21" s="15">
        <v>0</v>
      </c>
      <c r="T21" s="15">
        <v>0</v>
      </c>
      <c r="U21" s="15">
        <v>0</v>
      </c>
      <c r="V21" s="15">
        <v>0</v>
      </c>
      <c r="W21" s="15">
        <v>0</v>
      </c>
      <c r="X21" s="15">
        <v>0</v>
      </c>
      <c r="Y21" s="15">
        <v>0</v>
      </c>
      <c r="Z21" s="15">
        <v>0</v>
      </c>
      <c r="AA21" s="7" t="s">
        <v>35</v>
      </c>
      <c r="AB21" s="46" t="s">
        <v>11</v>
      </c>
      <c r="AE21"/>
      <c r="AF21"/>
      <c r="AG21"/>
    </row>
    <row r="22" spans="1:33" s="3" customFormat="1" ht="15.95" customHeight="1" x14ac:dyDescent="0.15">
      <c r="A22" s="33" t="s">
        <v>2</v>
      </c>
      <c r="B22" s="46" t="s">
        <v>11</v>
      </c>
      <c r="C22" s="46" t="s">
        <v>123</v>
      </c>
      <c r="D22" s="15">
        <v>0</v>
      </c>
      <c r="E22" s="15">
        <v>0</v>
      </c>
      <c r="F22" s="15">
        <v>0</v>
      </c>
      <c r="G22" s="15">
        <v>0</v>
      </c>
      <c r="H22" s="15">
        <v>0</v>
      </c>
      <c r="I22" s="15">
        <v>0</v>
      </c>
      <c r="J22" s="15">
        <v>0</v>
      </c>
      <c r="K22" s="15">
        <v>0</v>
      </c>
      <c r="L22" s="15">
        <v>0</v>
      </c>
      <c r="M22" s="15">
        <v>0</v>
      </c>
      <c r="N22" s="15">
        <v>0</v>
      </c>
      <c r="O22" s="15">
        <v>0</v>
      </c>
      <c r="P22" s="15">
        <v>0</v>
      </c>
      <c r="Q22" s="15">
        <v>0</v>
      </c>
      <c r="R22" s="15">
        <v>0</v>
      </c>
      <c r="S22" s="15">
        <v>0</v>
      </c>
      <c r="T22" s="15">
        <v>7.95</v>
      </c>
      <c r="U22" s="15">
        <v>0</v>
      </c>
      <c r="V22" s="15">
        <v>0</v>
      </c>
      <c r="W22" s="15">
        <v>0</v>
      </c>
      <c r="X22" s="15">
        <v>0</v>
      </c>
      <c r="Y22" s="15">
        <v>0</v>
      </c>
      <c r="Z22" s="15">
        <v>7.95</v>
      </c>
      <c r="AA22" s="7" t="s">
        <v>36</v>
      </c>
      <c r="AB22" s="46" t="s">
        <v>11</v>
      </c>
      <c r="AE22"/>
      <c r="AF22"/>
      <c r="AG22"/>
    </row>
    <row r="23" spans="1:33" s="3" customFormat="1" ht="15.95" customHeight="1" x14ac:dyDescent="0.15">
      <c r="A23" s="33" t="s">
        <v>2</v>
      </c>
      <c r="B23" s="46" t="s">
        <v>11</v>
      </c>
      <c r="C23" s="60" t="s">
        <v>20</v>
      </c>
      <c r="D23" s="15">
        <v>0</v>
      </c>
      <c r="E23" s="15">
        <v>0</v>
      </c>
      <c r="F23" s="15">
        <v>0</v>
      </c>
      <c r="G23" s="15">
        <v>0</v>
      </c>
      <c r="H23" s="15">
        <v>0</v>
      </c>
      <c r="I23" s="15">
        <v>0</v>
      </c>
      <c r="J23" s="15">
        <v>47.74</v>
      </c>
      <c r="K23" s="15">
        <v>185.47</v>
      </c>
      <c r="L23" s="15">
        <v>678.67</v>
      </c>
      <c r="M23" s="15">
        <v>911.87999999999988</v>
      </c>
      <c r="N23" s="15">
        <v>0</v>
      </c>
      <c r="O23" s="15">
        <v>98.26</v>
      </c>
      <c r="P23" s="15">
        <v>52.48</v>
      </c>
      <c r="Q23" s="15">
        <v>150.74</v>
      </c>
      <c r="R23" s="68">
        <v>1062.6199999999999</v>
      </c>
      <c r="S23" s="15">
        <v>0</v>
      </c>
      <c r="T23" s="15">
        <v>7.95</v>
      </c>
      <c r="U23" s="15">
        <v>0</v>
      </c>
      <c r="V23" s="15">
        <v>0</v>
      </c>
      <c r="W23" s="15">
        <v>0</v>
      </c>
      <c r="X23" s="15">
        <v>0</v>
      </c>
      <c r="Y23" s="15">
        <v>0.14000000000000001</v>
      </c>
      <c r="Z23" s="68">
        <v>1070.71</v>
      </c>
      <c r="AA23" s="8" t="s">
        <v>28</v>
      </c>
      <c r="AB23" s="46" t="s">
        <v>11</v>
      </c>
      <c r="AE23"/>
      <c r="AF23"/>
      <c r="AG23"/>
    </row>
    <row r="24" spans="1:33" s="3" customFormat="1" ht="15.95" customHeight="1" x14ac:dyDescent="0.15">
      <c r="A24" s="33" t="s">
        <v>2</v>
      </c>
      <c r="B24" s="45" t="s">
        <v>12</v>
      </c>
      <c r="C24" s="45" t="s">
        <v>124</v>
      </c>
      <c r="D24" s="14">
        <v>0</v>
      </c>
      <c r="E24" s="14">
        <v>0</v>
      </c>
      <c r="F24" s="14">
        <v>0</v>
      </c>
      <c r="G24" s="14">
        <v>0</v>
      </c>
      <c r="H24" s="14">
        <v>0</v>
      </c>
      <c r="I24" s="14">
        <v>0</v>
      </c>
      <c r="J24" s="14">
        <v>0</v>
      </c>
      <c r="K24" s="14">
        <v>0</v>
      </c>
      <c r="L24" s="14">
        <v>0</v>
      </c>
      <c r="M24" s="14">
        <v>0</v>
      </c>
      <c r="N24" s="14">
        <v>0</v>
      </c>
      <c r="O24" s="14">
        <v>0</v>
      </c>
      <c r="P24" s="14">
        <v>0</v>
      </c>
      <c r="Q24" s="14">
        <v>0</v>
      </c>
      <c r="R24" s="14">
        <v>0</v>
      </c>
      <c r="S24" s="14">
        <v>0</v>
      </c>
      <c r="T24" s="14">
        <v>0</v>
      </c>
      <c r="U24" s="14">
        <v>0</v>
      </c>
      <c r="V24" s="14">
        <v>0</v>
      </c>
      <c r="W24" s="14">
        <v>0</v>
      </c>
      <c r="X24" s="14">
        <v>0</v>
      </c>
      <c r="Y24" s="14">
        <v>0</v>
      </c>
      <c r="Z24" s="14">
        <v>0</v>
      </c>
      <c r="AA24" s="9" t="s">
        <v>37</v>
      </c>
      <c r="AB24" s="45" t="s">
        <v>12</v>
      </c>
      <c r="AE24"/>
      <c r="AF24"/>
      <c r="AG24"/>
    </row>
    <row r="25" spans="1:33" s="3" customFormat="1" ht="15.95" customHeight="1" x14ac:dyDescent="0.15">
      <c r="A25" s="33" t="s">
        <v>2</v>
      </c>
      <c r="B25" s="46" t="s">
        <v>12</v>
      </c>
      <c r="C25" s="46" t="s">
        <v>125</v>
      </c>
      <c r="D25" s="15">
        <v>0</v>
      </c>
      <c r="E25" s="15">
        <v>0</v>
      </c>
      <c r="F25" s="15">
        <v>0</v>
      </c>
      <c r="G25" s="15">
        <v>0</v>
      </c>
      <c r="H25" s="15">
        <v>0</v>
      </c>
      <c r="I25" s="15">
        <v>0</v>
      </c>
      <c r="J25" s="15">
        <v>0</v>
      </c>
      <c r="K25" s="15">
        <v>0</v>
      </c>
      <c r="L25" s="15">
        <v>0</v>
      </c>
      <c r="M25" s="15">
        <v>0</v>
      </c>
      <c r="N25" s="15">
        <v>0</v>
      </c>
      <c r="O25" s="15">
        <v>32.549999999999997</v>
      </c>
      <c r="P25" s="15">
        <v>202.7</v>
      </c>
      <c r="Q25" s="15">
        <v>235.25</v>
      </c>
      <c r="R25" s="15">
        <v>235.25</v>
      </c>
      <c r="S25" s="15">
        <v>0</v>
      </c>
      <c r="T25" s="15">
        <v>0</v>
      </c>
      <c r="U25" s="15">
        <v>0</v>
      </c>
      <c r="V25" s="15">
        <v>0</v>
      </c>
      <c r="W25" s="15">
        <v>0</v>
      </c>
      <c r="X25" s="15">
        <v>0</v>
      </c>
      <c r="Y25" s="15">
        <v>207.1</v>
      </c>
      <c r="Z25" s="15">
        <v>442.35</v>
      </c>
      <c r="AA25" s="7" t="s">
        <v>38</v>
      </c>
      <c r="AB25" s="46" t="s">
        <v>12</v>
      </c>
      <c r="AE25"/>
      <c r="AF25"/>
      <c r="AG25"/>
    </row>
    <row r="26" spans="1:33" s="3" customFormat="1" ht="15.95" customHeight="1" x14ac:dyDescent="0.15">
      <c r="A26" s="33" t="s">
        <v>2</v>
      </c>
      <c r="B26" s="48" t="s">
        <v>12</v>
      </c>
      <c r="C26" s="48" t="s">
        <v>20</v>
      </c>
      <c r="D26" s="15">
        <v>0</v>
      </c>
      <c r="E26" s="15">
        <v>0</v>
      </c>
      <c r="F26" s="15">
        <v>0</v>
      </c>
      <c r="G26" s="15">
        <v>0</v>
      </c>
      <c r="H26" s="15">
        <v>0</v>
      </c>
      <c r="I26" s="15">
        <v>0</v>
      </c>
      <c r="J26" s="15">
        <v>0</v>
      </c>
      <c r="K26" s="15">
        <v>0</v>
      </c>
      <c r="L26" s="15">
        <v>0</v>
      </c>
      <c r="M26" s="15">
        <v>0</v>
      </c>
      <c r="N26" s="15">
        <v>0</v>
      </c>
      <c r="O26" s="15">
        <v>32.549999999999997</v>
      </c>
      <c r="P26" s="15">
        <v>202.7</v>
      </c>
      <c r="Q26" s="15">
        <v>235.25</v>
      </c>
      <c r="R26" s="15">
        <v>235.25</v>
      </c>
      <c r="S26" s="15">
        <v>0</v>
      </c>
      <c r="T26" s="15">
        <v>0</v>
      </c>
      <c r="U26" s="15">
        <v>0</v>
      </c>
      <c r="V26" s="15">
        <v>0</v>
      </c>
      <c r="W26" s="15">
        <v>0</v>
      </c>
      <c r="X26" s="15">
        <v>0</v>
      </c>
      <c r="Y26" s="15">
        <v>207.1</v>
      </c>
      <c r="Z26" s="15">
        <v>442.35</v>
      </c>
      <c r="AA26" s="8" t="s">
        <v>28</v>
      </c>
      <c r="AB26" s="48" t="s">
        <v>12</v>
      </c>
      <c r="AE26"/>
      <c r="AF26"/>
      <c r="AG26"/>
    </row>
    <row r="27" spans="1:33" s="3" customFormat="1" ht="15.95" customHeight="1" x14ac:dyDescent="0.15">
      <c r="A27" s="33" t="s">
        <v>2</v>
      </c>
      <c r="B27" s="24" t="s">
        <v>0</v>
      </c>
      <c r="C27" s="61" t="s">
        <v>126</v>
      </c>
      <c r="D27" s="17">
        <v>0</v>
      </c>
      <c r="E27" s="17">
        <v>0</v>
      </c>
      <c r="F27" s="17">
        <v>0</v>
      </c>
      <c r="G27" s="17">
        <v>0</v>
      </c>
      <c r="H27" s="17">
        <v>0</v>
      </c>
      <c r="I27" s="17">
        <v>0</v>
      </c>
      <c r="J27" s="17">
        <v>47.74</v>
      </c>
      <c r="K27" s="17">
        <v>185.47</v>
      </c>
      <c r="L27" s="17">
        <v>678.67</v>
      </c>
      <c r="M27" s="17">
        <v>911.87999999999988</v>
      </c>
      <c r="N27" s="17">
        <v>0</v>
      </c>
      <c r="O27" s="17">
        <v>130.81</v>
      </c>
      <c r="P27" s="17">
        <v>255.17999999999998</v>
      </c>
      <c r="Q27" s="17">
        <v>385.99</v>
      </c>
      <c r="R27" s="69">
        <v>1297.8699999999999</v>
      </c>
      <c r="S27" s="17">
        <v>0</v>
      </c>
      <c r="T27" s="17">
        <v>7.95</v>
      </c>
      <c r="U27" s="17">
        <v>0</v>
      </c>
      <c r="V27" s="17">
        <v>0</v>
      </c>
      <c r="W27" s="17">
        <v>0</v>
      </c>
      <c r="X27" s="17">
        <v>0</v>
      </c>
      <c r="Y27" s="17">
        <v>207.23999999999998</v>
      </c>
      <c r="Z27" s="69">
        <v>1513.06</v>
      </c>
      <c r="AA27" s="41" t="s">
        <v>0</v>
      </c>
      <c r="AB27" s="24" t="s">
        <v>0</v>
      </c>
      <c r="AE27"/>
      <c r="AF27"/>
      <c r="AG27"/>
    </row>
    <row r="28" spans="1:33" s="3" customFormat="1" ht="15.95" customHeight="1" x14ac:dyDescent="0.15">
      <c r="A28" s="33" t="s">
        <v>2</v>
      </c>
      <c r="B28" s="35" t="s">
        <v>20</v>
      </c>
      <c r="C28" s="35" t="s">
        <v>20</v>
      </c>
      <c r="D28" s="18">
        <v>0</v>
      </c>
      <c r="E28" s="18">
        <v>17.09</v>
      </c>
      <c r="F28" s="18">
        <v>922.08</v>
      </c>
      <c r="G28" s="18">
        <v>320.51</v>
      </c>
      <c r="H28" s="65">
        <v>1259.68</v>
      </c>
      <c r="I28" s="18">
        <v>0</v>
      </c>
      <c r="J28" s="18">
        <v>47.74</v>
      </c>
      <c r="K28" s="18">
        <v>185.47</v>
      </c>
      <c r="L28" s="18">
        <v>688.74</v>
      </c>
      <c r="M28" s="18">
        <v>921.94999999999993</v>
      </c>
      <c r="N28" s="18">
        <v>0</v>
      </c>
      <c r="O28" s="18">
        <v>218.48000000000002</v>
      </c>
      <c r="P28" s="65">
        <v>2420.02</v>
      </c>
      <c r="Q28" s="65">
        <v>2638.5</v>
      </c>
      <c r="R28" s="65">
        <v>4820.13</v>
      </c>
      <c r="S28" s="18">
        <v>0</v>
      </c>
      <c r="T28" s="18">
        <v>7.95</v>
      </c>
      <c r="U28" s="18">
        <v>0</v>
      </c>
      <c r="V28" s="18">
        <v>179.16</v>
      </c>
      <c r="W28" s="18">
        <v>0</v>
      </c>
      <c r="X28" s="18">
        <v>0</v>
      </c>
      <c r="Y28" s="18">
        <v>790.6</v>
      </c>
      <c r="Z28" s="65">
        <v>5797.84</v>
      </c>
      <c r="AA28" s="81" t="s">
        <v>21</v>
      </c>
      <c r="AB28" s="84" t="s">
        <v>21</v>
      </c>
      <c r="AE28"/>
      <c r="AF28"/>
      <c r="AG28"/>
    </row>
    <row r="29" spans="1:33" s="3" customFormat="1" ht="15.95" customHeight="1" x14ac:dyDescent="0.15">
      <c r="A29" s="33" t="s">
        <v>3</v>
      </c>
      <c r="B29" s="44" t="s">
        <v>13</v>
      </c>
      <c r="C29" s="44" t="s">
        <v>127</v>
      </c>
      <c r="D29" s="13">
        <v>0</v>
      </c>
      <c r="E29" s="13">
        <v>0</v>
      </c>
      <c r="F29" s="13">
        <v>0</v>
      </c>
      <c r="G29" s="13">
        <v>0</v>
      </c>
      <c r="H29" s="13">
        <v>0</v>
      </c>
      <c r="I29" s="13">
        <v>0</v>
      </c>
      <c r="J29" s="13">
        <v>0</v>
      </c>
      <c r="K29" s="13">
        <v>0</v>
      </c>
      <c r="L29" s="13">
        <v>0</v>
      </c>
      <c r="M29" s="13">
        <v>0</v>
      </c>
      <c r="N29" s="13">
        <v>0</v>
      </c>
      <c r="O29" s="13">
        <v>14.48</v>
      </c>
      <c r="P29" s="80">
        <v>1051.8699999999999</v>
      </c>
      <c r="Q29" s="80">
        <v>1066.3499999999999</v>
      </c>
      <c r="R29" s="80">
        <v>1066.3499999999999</v>
      </c>
      <c r="S29" s="13">
        <v>0</v>
      </c>
      <c r="T29" s="13">
        <v>0</v>
      </c>
      <c r="U29" s="13">
        <v>0</v>
      </c>
      <c r="V29" s="13">
        <v>6.18</v>
      </c>
      <c r="W29" s="13">
        <v>0</v>
      </c>
      <c r="X29" s="13">
        <v>0</v>
      </c>
      <c r="Y29" s="13">
        <v>13.72</v>
      </c>
      <c r="Z29" s="80">
        <v>1086.25</v>
      </c>
      <c r="AA29" s="10" t="s">
        <v>39</v>
      </c>
      <c r="AB29" s="44" t="s">
        <v>13</v>
      </c>
      <c r="AE29"/>
      <c r="AF29"/>
      <c r="AG29"/>
    </row>
    <row r="30" spans="1:33" s="3" customFormat="1" ht="15.95" customHeight="1" x14ac:dyDescent="0.15">
      <c r="A30" s="33" t="s">
        <v>3</v>
      </c>
      <c r="B30" s="46" t="s">
        <v>13</v>
      </c>
      <c r="C30" s="46" t="s">
        <v>128</v>
      </c>
      <c r="D30" s="15">
        <v>0</v>
      </c>
      <c r="E30" s="15">
        <v>1.94</v>
      </c>
      <c r="F30" s="15">
        <v>19.79</v>
      </c>
      <c r="G30" s="15">
        <v>13.84</v>
      </c>
      <c r="H30" s="15">
        <v>35.57</v>
      </c>
      <c r="I30" s="15">
        <v>0</v>
      </c>
      <c r="J30" s="15">
        <v>0</v>
      </c>
      <c r="K30" s="15">
        <v>0</v>
      </c>
      <c r="L30" s="15">
        <v>0</v>
      </c>
      <c r="M30" s="15">
        <v>0</v>
      </c>
      <c r="N30" s="15">
        <v>0</v>
      </c>
      <c r="O30" s="15">
        <v>1.21</v>
      </c>
      <c r="P30" s="15">
        <v>81.02</v>
      </c>
      <c r="Q30" s="15">
        <v>82.22999999999999</v>
      </c>
      <c r="R30" s="15">
        <v>117.79999999999998</v>
      </c>
      <c r="S30" s="15">
        <v>0</v>
      </c>
      <c r="T30" s="15">
        <v>0</v>
      </c>
      <c r="U30" s="15">
        <v>0</v>
      </c>
      <c r="V30" s="15">
        <v>0</v>
      </c>
      <c r="W30" s="15">
        <v>0</v>
      </c>
      <c r="X30" s="15">
        <v>0</v>
      </c>
      <c r="Y30" s="15">
        <v>0</v>
      </c>
      <c r="Z30" s="68">
        <v>117.79999999999998</v>
      </c>
      <c r="AA30" s="7" t="s">
        <v>40</v>
      </c>
      <c r="AB30" s="46" t="s">
        <v>13</v>
      </c>
      <c r="AE30"/>
      <c r="AF30"/>
      <c r="AG30"/>
    </row>
    <row r="31" spans="1:33" s="3" customFormat="1" ht="15.95" customHeight="1" x14ac:dyDescent="0.15">
      <c r="A31" s="33" t="s">
        <v>3</v>
      </c>
      <c r="B31" s="46" t="s">
        <v>13</v>
      </c>
      <c r="C31" s="46" t="s">
        <v>129</v>
      </c>
      <c r="D31" s="15">
        <v>22.11</v>
      </c>
      <c r="E31" s="15">
        <v>7.99</v>
      </c>
      <c r="F31" s="15">
        <v>364.94</v>
      </c>
      <c r="G31" s="15">
        <v>82.28</v>
      </c>
      <c r="H31" s="15">
        <v>477.32000000000005</v>
      </c>
      <c r="I31" s="15">
        <v>0</v>
      </c>
      <c r="J31" s="15">
        <v>0</v>
      </c>
      <c r="K31" s="15">
        <v>0</v>
      </c>
      <c r="L31" s="15">
        <v>0</v>
      </c>
      <c r="M31" s="15">
        <v>0</v>
      </c>
      <c r="N31" s="15">
        <v>0</v>
      </c>
      <c r="O31" s="15">
        <v>0</v>
      </c>
      <c r="P31" s="15">
        <v>614.21</v>
      </c>
      <c r="Q31" s="15">
        <v>614.21</v>
      </c>
      <c r="R31" s="68">
        <v>1091.5300000000002</v>
      </c>
      <c r="S31" s="15">
        <v>0</v>
      </c>
      <c r="T31" s="15">
        <v>0</v>
      </c>
      <c r="U31" s="15">
        <v>0</v>
      </c>
      <c r="V31" s="15">
        <v>0</v>
      </c>
      <c r="W31" s="15">
        <v>0</v>
      </c>
      <c r="X31" s="15">
        <v>0</v>
      </c>
      <c r="Y31" s="15">
        <v>42.39</v>
      </c>
      <c r="Z31" s="68">
        <v>1133.9200000000003</v>
      </c>
      <c r="AA31" s="7" t="s">
        <v>41</v>
      </c>
      <c r="AB31" s="46" t="s">
        <v>13</v>
      </c>
      <c r="AE31"/>
      <c r="AF31"/>
      <c r="AG31"/>
    </row>
    <row r="32" spans="1:33" s="3" customFormat="1" ht="15.95" customHeight="1" x14ac:dyDescent="0.15">
      <c r="A32" s="33" t="s">
        <v>3</v>
      </c>
      <c r="B32" s="46" t="s">
        <v>13</v>
      </c>
      <c r="C32" s="46" t="s">
        <v>130</v>
      </c>
      <c r="D32" s="15">
        <v>0</v>
      </c>
      <c r="E32" s="15">
        <v>12.27</v>
      </c>
      <c r="F32" s="15">
        <v>513.47</v>
      </c>
      <c r="G32" s="15">
        <v>296.18</v>
      </c>
      <c r="H32" s="15">
        <v>821.92000000000007</v>
      </c>
      <c r="I32" s="15">
        <v>0</v>
      </c>
      <c r="J32" s="15">
        <v>0</v>
      </c>
      <c r="K32" s="15">
        <v>0</v>
      </c>
      <c r="L32" s="15">
        <v>0</v>
      </c>
      <c r="M32" s="15">
        <v>0</v>
      </c>
      <c r="N32" s="15">
        <v>0</v>
      </c>
      <c r="O32" s="15">
        <v>1.57</v>
      </c>
      <c r="P32" s="15">
        <v>100.89</v>
      </c>
      <c r="Q32" s="15">
        <v>102.46</v>
      </c>
      <c r="R32" s="15">
        <v>924.38000000000011</v>
      </c>
      <c r="S32" s="15">
        <v>0</v>
      </c>
      <c r="T32" s="15">
        <v>0</v>
      </c>
      <c r="U32" s="15">
        <v>0</v>
      </c>
      <c r="V32" s="15">
        <v>0</v>
      </c>
      <c r="W32" s="15">
        <v>0</v>
      </c>
      <c r="X32" s="15">
        <v>0</v>
      </c>
      <c r="Y32" s="15">
        <v>159.62</v>
      </c>
      <c r="Z32" s="68">
        <v>1084</v>
      </c>
      <c r="AA32" s="7" t="s">
        <v>78</v>
      </c>
      <c r="AB32" s="46" t="s">
        <v>13</v>
      </c>
      <c r="AE32"/>
      <c r="AF32"/>
      <c r="AG32"/>
    </row>
    <row r="33" spans="1:33" s="3" customFormat="1" ht="15.95" customHeight="1" x14ac:dyDescent="0.15">
      <c r="A33" s="33" t="s">
        <v>3</v>
      </c>
      <c r="B33" s="46" t="s">
        <v>13</v>
      </c>
      <c r="C33" s="46" t="s">
        <v>131</v>
      </c>
      <c r="D33" s="15">
        <v>0</v>
      </c>
      <c r="E33" s="15">
        <v>0</v>
      </c>
      <c r="F33" s="15">
        <v>0</v>
      </c>
      <c r="G33" s="15">
        <v>0</v>
      </c>
      <c r="H33" s="15">
        <v>0</v>
      </c>
      <c r="I33" s="15">
        <v>0</v>
      </c>
      <c r="J33" s="15">
        <v>0</v>
      </c>
      <c r="K33" s="15">
        <v>0</v>
      </c>
      <c r="L33" s="15">
        <v>0</v>
      </c>
      <c r="M33" s="15">
        <v>0</v>
      </c>
      <c r="N33" s="15">
        <v>0</v>
      </c>
      <c r="O33" s="15">
        <v>0</v>
      </c>
      <c r="P33" s="15">
        <v>0</v>
      </c>
      <c r="Q33" s="15">
        <v>0</v>
      </c>
      <c r="R33" s="15">
        <v>0</v>
      </c>
      <c r="S33" s="15">
        <v>0</v>
      </c>
      <c r="T33" s="15">
        <v>0</v>
      </c>
      <c r="U33" s="15">
        <v>0</v>
      </c>
      <c r="V33" s="15">
        <v>0</v>
      </c>
      <c r="W33" s="15">
        <v>0</v>
      </c>
      <c r="X33" s="15">
        <v>0</v>
      </c>
      <c r="Y33" s="15">
        <v>0</v>
      </c>
      <c r="Z33" s="15">
        <v>0</v>
      </c>
      <c r="AA33" s="7" t="s">
        <v>42</v>
      </c>
      <c r="AB33" s="46" t="s">
        <v>13</v>
      </c>
      <c r="AE33"/>
      <c r="AF33"/>
      <c r="AG33"/>
    </row>
    <row r="34" spans="1:33" s="3" customFormat="1" ht="15.95" customHeight="1" x14ac:dyDescent="0.15">
      <c r="A34" s="33" t="s">
        <v>3</v>
      </c>
      <c r="B34" s="46" t="s">
        <v>13</v>
      </c>
      <c r="C34" s="46" t="s">
        <v>132</v>
      </c>
      <c r="D34" s="15">
        <v>0</v>
      </c>
      <c r="E34" s="15">
        <v>0</v>
      </c>
      <c r="F34" s="15">
        <v>0</v>
      </c>
      <c r="G34" s="15">
        <v>0</v>
      </c>
      <c r="H34" s="15">
        <v>0</v>
      </c>
      <c r="I34" s="15">
        <v>0</v>
      </c>
      <c r="J34" s="15">
        <v>0</v>
      </c>
      <c r="K34" s="15">
        <v>0</v>
      </c>
      <c r="L34" s="15">
        <v>0</v>
      </c>
      <c r="M34" s="15">
        <v>0</v>
      </c>
      <c r="N34" s="15">
        <v>0</v>
      </c>
      <c r="O34" s="15">
        <v>0</v>
      </c>
      <c r="P34" s="15">
        <v>0</v>
      </c>
      <c r="Q34" s="15">
        <v>0</v>
      </c>
      <c r="R34" s="15">
        <v>0</v>
      </c>
      <c r="S34" s="15">
        <v>0</v>
      </c>
      <c r="T34" s="15">
        <v>0</v>
      </c>
      <c r="U34" s="15">
        <v>0</v>
      </c>
      <c r="V34" s="15">
        <v>0</v>
      </c>
      <c r="W34" s="15">
        <v>0</v>
      </c>
      <c r="X34" s="15">
        <v>0</v>
      </c>
      <c r="Y34" s="15">
        <v>1.17</v>
      </c>
      <c r="Z34" s="15">
        <v>1.17</v>
      </c>
      <c r="AA34" s="7" t="s">
        <v>43</v>
      </c>
      <c r="AB34" s="46" t="s">
        <v>13</v>
      </c>
      <c r="AE34"/>
      <c r="AF34"/>
      <c r="AG34"/>
    </row>
    <row r="35" spans="1:33" s="3" customFormat="1" ht="15.95" customHeight="1" x14ac:dyDescent="0.15">
      <c r="A35" s="33" t="s">
        <v>3</v>
      </c>
      <c r="B35" s="46" t="s">
        <v>13</v>
      </c>
      <c r="C35" s="46" t="s">
        <v>133</v>
      </c>
      <c r="D35" s="15">
        <v>0</v>
      </c>
      <c r="E35" s="15">
        <v>0</v>
      </c>
      <c r="F35" s="15">
        <v>0</v>
      </c>
      <c r="G35" s="15">
        <v>0</v>
      </c>
      <c r="H35" s="15">
        <v>0</v>
      </c>
      <c r="I35" s="15">
        <v>0</v>
      </c>
      <c r="J35" s="15">
        <v>0</v>
      </c>
      <c r="K35" s="15">
        <v>0</v>
      </c>
      <c r="L35" s="15">
        <v>0</v>
      </c>
      <c r="M35" s="15">
        <v>0</v>
      </c>
      <c r="N35" s="15">
        <v>0</v>
      </c>
      <c r="O35" s="15">
        <v>0</v>
      </c>
      <c r="P35" s="15">
        <v>0</v>
      </c>
      <c r="Q35" s="15">
        <v>0</v>
      </c>
      <c r="R35" s="15">
        <v>0</v>
      </c>
      <c r="S35" s="15">
        <v>0</v>
      </c>
      <c r="T35" s="15">
        <v>0</v>
      </c>
      <c r="U35" s="15">
        <v>0</v>
      </c>
      <c r="V35" s="15">
        <v>0</v>
      </c>
      <c r="W35" s="15">
        <v>0</v>
      </c>
      <c r="X35" s="15">
        <v>0</v>
      </c>
      <c r="Y35" s="15">
        <v>0</v>
      </c>
      <c r="Z35" s="15">
        <v>0</v>
      </c>
      <c r="AA35" s="7" t="s">
        <v>44</v>
      </c>
      <c r="AB35" s="46" t="s">
        <v>13</v>
      </c>
      <c r="AE35"/>
      <c r="AF35"/>
      <c r="AG35"/>
    </row>
    <row r="36" spans="1:33" s="3" customFormat="1" ht="15.95" customHeight="1" x14ac:dyDescent="0.15">
      <c r="A36" s="33" t="s">
        <v>3</v>
      </c>
      <c r="B36" s="46" t="s">
        <v>13</v>
      </c>
      <c r="C36" s="46" t="s">
        <v>134</v>
      </c>
      <c r="D36" s="15">
        <v>0</v>
      </c>
      <c r="E36" s="15">
        <v>0</v>
      </c>
      <c r="F36" s="15">
        <v>0</v>
      </c>
      <c r="G36" s="15">
        <v>0</v>
      </c>
      <c r="H36" s="15">
        <v>0</v>
      </c>
      <c r="I36" s="15">
        <v>0</v>
      </c>
      <c r="J36" s="15">
        <v>0</v>
      </c>
      <c r="K36" s="15">
        <v>0</v>
      </c>
      <c r="L36" s="15">
        <v>0</v>
      </c>
      <c r="M36" s="15">
        <v>0</v>
      </c>
      <c r="N36" s="15">
        <v>0</v>
      </c>
      <c r="O36" s="15">
        <v>0</v>
      </c>
      <c r="P36" s="15">
        <v>0</v>
      </c>
      <c r="Q36" s="15">
        <v>0</v>
      </c>
      <c r="R36" s="15">
        <v>0</v>
      </c>
      <c r="S36" s="15">
        <v>0</v>
      </c>
      <c r="T36" s="15">
        <v>0</v>
      </c>
      <c r="U36" s="15">
        <v>0</v>
      </c>
      <c r="V36" s="15">
        <v>0</v>
      </c>
      <c r="W36" s="15">
        <v>0</v>
      </c>
      <c r="X36" s="15">
        <v>0</v>
      </c>
      <c r="Y36" s="15">
        <v>0</v>
      </c>
      <c r="Z36" s="15">
        <v>0</v>
      </c>
      <c r="AA36" s="7" t="s">
        <v>45</v>
      </c>
      <c r="AB36" s="46" t="s">
        <v>13</v>
      </c>
      <c r="AE36"/>
      <c r="AF36"/>
      <c r="AG36"/>
    </row>
    <row r="37" spans="1:33" s="3" customFormat="1" ht="15.95" customHeight="1" x14ac:dyDescent="0.15">
      <c r="A37" s="33" t="s">
        <v>3</v>
      </c>
      <c r="B37" s="46" t="s">
        <v>13</v>
      </c>
      <c r="C37" s="46" t="s">
        <v>135</v>
      </c>
      <c r="D37" s="15">
        <v>0</v>
      </c>
      <c r="E37" s="15">
        <v>0</v>
      </c>
      <c r="F37" s="15">
        <v>0</v>
      </c>
      <c r="G37" s="15">
        <v>0</v>
      </c>
      <c r="H37" s="15">
        <v>0</v>
      </c>
      <c r="I37" s="15">
        <v>0</v>
      </c>
      <c r="J37" s="15">
        <v>0</v>
      </c>
      <c r="K37" s="15">
        <v>0</v>
      </c>
      <c r="L37" s="15">
        <v>0</v>
      </c>
      <c r="M37" s="15">
        <v>0</v>
      </c>
      <c r="N37" s="15">
        <v>0</v>
      </c>
      <c r="O37" s="15">
        <v>0</v>
      </c>
      <c r="P37" s="15">
        <v>0</v>
      </c>
      <c r="Q37" s="15">
        <v>0</v>
      </c>
      <c r="R37" s="15">
        <v>0</v>
      </c>
      <c r="S37" s="15">
        <v>0</v>
      </c>
      <c r="T37" s="15">
        <v>0</v>
      </c>
      <c r="U37" s="15">
        <v>0</v>
      </c>
      <c r="V37" s="15">
        <v>0</v>
      </c>
      <c r="W37" s="15">
        <v>0</v>
      </c>
      <c r="X37" s="15">
        <v>0</v>
      </c>
      <c r="Y37" s="15">
        <v>0</v>
      </c>
      <c r="Z37" s="15">
        <v>0</v>
      </c>
      <c r="AA37" s="7" t="s">
        <v>79</v>
      </c>
      <c r="AB37" s="46" t="s">
        <v>13</v>
      </c>
      <c r="AE37"/>
      <c r="AF37"/>
      <c r="AG37"/>
    </row>
    <row r="38" spans="1:33" s="3" customFormat="1" ht="15.95" customHeight="1" x14ac:dyDescent="0.15">
      <c r="A38" s="33" t="s">
        <v>3</v>
      </c>
      <c r="B38" s="47" t="s">
        <v>13</v>
      </c>
      <c r="C38" s="60" t="s">
        <v>20</v>
      </c>
      <c r="D38" s="16">
        <v>22.11</v>
      </c>
      <c r="E38" s="16">
        <v>22.2</v>
      </c>
      <c r="F38" s="16">
        <v>898.2</v>
      </c>
      <c r="G38" s="16">
        <v>392.3</v>
      </c>
      <c r="H38" s="66">
        <v>1334.8100000000002</v>
      </c>
      <c r="I38" s="16">
        <v>0</v>
      </c>
      <c r="J38" s="16">
        <v>0</v>
      </c>
      <c r="K38" s="16">
        <v>0</v>
      </c>
      <c r="L38" s="16">
        <v>0</v>
      </c>
      <c r="M38" s="16">
        <v>0</v>
      </c>
      <c r="N38" s="16">
        <v>0</v>
      </c>
      <c r="O38" s="16">
        <v>17.260000000000002</v>
      </c>
      <c r="P38" s="66">
        <v>1847.99</v>
      </c>
      <c r="Q38" s="66">
        <v>1865.25</v>
      </c>
      <c r="R38" s="66">
        <v>3200.0600000000004</v>
      </c>
      <c r="S38" s="16">
        <v>0</v>
      </c>
      <c r="T38" s="16">
        <v>0</v>
      </c>
      <c r="U38" s="16">
        <v>0</v>
      </c>
      <c r="V38" s="16">
        <v>6.18</v>
      </c>
      <c r="W38" s="16">
        <v>0</v>
      </c>
      <c r="X38" s="16">
        <v>0</v>
      </c>
      <c r="Y38" s="16">
        <v>216.9</v>
      </c>
      <c r="Z38" s="74">
        <v>3423.1400000000003</v>
      </c>
      <c r="AA38" s="8" t="s">
        <v>28</v>
      </c>
      <c r="AB38" s="47" t="s">
        <v>13</v>
      </c>
      <c r="AE38"/>
      <c r="AF38"/>
      <c r="AG38"/>
    </row>
    <row r="39" spans="1:33" s="3" customFormat="1" ht="15.95" customHeight="1" x14ac:dyDescent="0.15">
      <c r="A39" s="33" t="s">
        <v>3</v>
      </c>
      <c r="B39" s="45" t="s">
        <v>14</v>
      </c>
      <c r="C39" s="45" t="s">
        <v>136</v>
      </c>
      <c r="D39" s="14">
        <v>0</v>
      </c>
      <c r="E39" s="14">
        <v>0</v>
      </c>
      <c r="F39" s="14">
        <v>0</v>
      </c>
      <c r="G39" s="14">
        <v>0</v>
      </c>
      <c r="H39" s="14">
        <v>0</v>
      </c>
      <c r="I39" s="14">
        <v>0</v>
      </c>
      <c r="J39" s="14">
        <v>0</v>
      </c>
      <c r="K39" s="14">
        <v>0</v>
      </c>
      <c r="L39" s="14">
        <v>0</v>
      </c>
      <c r="M39" s="14">
        <v>0</v>
      </c>
      <c r="N39" s="14">
        <v>0</v>
      </c>
      <c r="O39" s="77">
        <v>22.25</v>
      </c>
      <c r="P39" s="77">
        <v>117.89</v>
      </c>
      <c r="Q39" s="77">
        <v>140.13999999999999</v>
      </c>
      <c r="R39" s="14">
        <v>140.13999999999999</v>
      </c>
      <c r="S39" s="14">
        <v>0</v>
      </c>
      <c r="T39" s="14">
        <v>0</v>
      </c>
      <c r="U39" s="14">
        <v>0</v>
      </c>
      <c r="V39" s="14">
        <v>42.54</v>
      </c>
      <c r="W39" s="14">
        <v>13.45</v>
      </c>
      <c r="X39" s="14">
        <v>0</v>
      </c>
      <c r="Y39" s="14">
        <v>0</v>
      </c>
      <c r="Z39" s="14">
        <v>196.12999999999997</v>
      </c>
      <c r="AA39" s="9" t="s">
        <v>46</v>
      </c>
      <c r="AB39" s="45" t="s">
        <v>14</v>
      </c>
      <c r="AE39"/>
      <c r="AF39"/>
      <c r="AG39"/>
    </row>
    <row r="40" spans="1:33" s="3" customFormat="1" ht="15.95" customHeight="1" x14ac:dyDescent="0.15">
      <c r="A40" s="33" t="s">
        <v>3</v>
      </c>
      <c r="B40" s="46" t="s">
        <v>14</v>
      </c>
      <c r="C40" s="46" t="s">
        <v>137</v>
      </c>
      <c r="D40" s="15">
        <v>0</v>
      </c>
      <c r="E40" s="15">
        <v>0</v>
      </c>
      <c r="F40" s="15">
        <v>0</v>
      </c>
      <c r="G40" s="15">
        <v>0</v>
      </c>
      <c r="H40" s="15">
        <v>0</v>
      </c>
      <c r="I40" s="15">
        <v>0</v>
      </c>
      <c r="J40" s="15">
        <v>0</v>
      </c>
      <c r="K40" s="15">
        <v>0</v>
      </c>
      <c r="L40" s="15">
        <v>0</v>
      </c>
      <c r="M40" s="15">
        <v>0</v>
      </c>
      <c r="N40" s="15">
        <v>0</v>
      </c>
      <c r="O40" s="78">
        <v>48.7</v>
      </c>
      <c r="P40" s="78">
        <v>100.41</v>
      </c>
      <c r="Q40" s="78">
        <v>149.11000000000001</v>
      </c>
      <c r="R40" s="15">
        <v>149.11000000000001</v>
      </c>
      <c r="S40" s="15">
        <v>0</v>
      </c>
      <c r="T40" s="15">
        <v>5.43</v>
      </c>
      <c r="U40" s="15">
        <v>0</v>
      </c>
      <c r="V40" s="15">
        <v>77.55</v>
      </c>
      <c r="W40" s="15">
        <v>0</v>
      </c>
      <c r="X40" s="15">
        <v>0</v>
      </c>
      <c r="Y40" s="15">
        <v>52.11</v>
      </c>
      <c r="Z40" s="15">
        <v>284.20000000000005</v>
      </c>
      <c r="AA40" s="7" t="s">
        <v>47</v>
      </c>
      <c r="AB40" s="46" t="s">
        <v>14</v>
      </c>
      <c r="AE40"/>
      <c r="AF40"/>
      <c r="AG40"/>
    </row>
    <row r="41" spans="1:33" s="3" customFormat="1" ht="15.95" customHeight="1" x14ac:dyDescent="0.15">
      <c r="A41" s="33" t="s">
        <v>3</v>
      </c>
      <c r="B41" s="46" t="s">
        <v>14</v>
      </c>
      <c r="C41" s="46" t="s">
        <v>138</v>
      </c>
      <c r="D41" s="15">
        <v>0</v>
      </c>
      <c r="E41" s="15">
        <v>0</v>
      </c>
      <c r="F41" s="15">
        <v>0</v>
      </c>
      <c r="G41" s="15">
        <v>0</v>
      </c>
      <c r="H41" s="15">
        <v>0</v>
      </c>
      <c r="I41" s="15">
        <v>0</v>
      </c>
      <c r="J41" s="15">
        <v>0</v>
      </c>
      <c r="K41" s="15">
        <v>0</v>
      </c>
      <c r="L41" s="15">
        <v>0</v>
      </c>
      <c r="M41" s="15">
        <v>0</v>
      </c>
      <c r="N41" s="15">
        <v>0</v>
      </c>
      <c r="O41" s="15">
        <v>0</v>
      </c>
      <c r="P41" s="15">
        <v>0</v>
      </c>
      <c r="Q41" s="15">
        <v>0</v>
      </c>
      <c r="R41" s="15">
        <v>0</v>
      </c>
      <c r="S41" s="15">
        <v>0</v>
      </c>
      <c r="T41" s="15">
        <v>0</v>
      </c>
      <c r="U41" s="15">
        <v>0</v>
      </c>
      <c r="V41" s="15">
        <v>0</v>
      </c>
      <c r="W41" s="15">
        <v>0</v>
      </c>
      <c r="X41" s="15">
        <v>0</v>
      </c>
      <c r="Y41" s="15">
        <v>0</v>
      </c>
      <c r="Z41" s="15">
        <v>0</v>
      </c>
      <c r="AA41" s="7" t="s">
        <v>48</v>
      </c>
      <c r="AB41" s="46" t="s">
        <v>14</v>
      </c>
      <c r="AE41"/>
      <c r="AF41"/>
      <c r="AG41"/>
    </row>
    <row r="42" spans="1:33" s="3" customFormat="1" ht="15.95" customHeight="1" x14ac:dyDescent="0.15">
      <c r="A42" s="33" t="s">
        <v>3</v>
      </c>
      <c r="B42" s="48" t="s">
        <v>14</v>
      </c>
      <c r="C42" s="48" t="s">
        <v>20</v>
      </c>
      <c r="D42" s="15">
        <v>0</v>
      </c>
      <c r="E42" s="15">
        <v>0</v>
      </c>
      <c r="F42" s="15">
        <v>0</v>
      </c>
      <c r="G42" s="15">
        <v>0</v>
      </c>
      <c r="H42" s="15">
        <v>0</v>
      </c>
      <c r="I42" s="15">
        <v>0</v>
      </c>
      <c r="J42" s="15">
        <v>0</v>
      </c>
      <c r="K42" s="15">
        <v>0</v>
      </c>
      <c r="L42" s="15">
        <v>0</v>
      </c>
      <c r="M42" s="15">
        <v>0</v>
      </c>
      <c r="N42" s="15">
        <v>0</v>
      </c>
      <c r="O42" s="15">
        <v>70.95</v>
      </c>
      <c r="P42" s="15">
        <v>218.3</v>
      </c>
      <c r="Q42" s="15">
        <v>289.25</v>
      </c>
      <c r="R42" s="15">
        <v>289.25</v>
      </c>
      <c r="S42" s="15">
        <v>0</v>
      </c>
      <c r="T42" s="15">
        <v>5.43</v>
      </c>
      <c r="U42" s="15">
        <v>0</v>
      </c>
      <c r="V42" s="15">
        <v>120.09</v>
      </c>
      <c r="W42" s="15">
        <v>13.45</v>
      </c>
      <c r="X42" s="15">
        <v>0</v>
      </c>
      <c r="Y42" s="15">
        <v>52.11</v>
      </c>
      <c r="Z42" s="15">
        <v>480.33000000000004</v>
      </c>
      <c r="AA42" s="8" t="s">
        <v>28</v>
      </c>
      <c r="AB42" s="48" t="s">
        <v>14</v>
      </c>
      <c r="AE42"/>
      <c r="AF42"/>
      <c r="AG42"/>
    </row>
    <row r="43" spans="1:33" s="3" customFormat="1" ht="15.95" customHeight="1" x14ac:dyDescent="0.15">
      <c r="A43" s="33" t="s">
        <v>3</v>
      </c>
      <c r="B43" s="41" t="s">
        <v>0</v>
      </c>
      <c r="C43" s="61" t="s">
        <v>126</v>
      </c>
      <c r="D43" s="17">
        <v>22.11</v>
      </c>
      <c r="E43" s="17">
        <v>22.2</v>
      </c>
      <c r="F43" s="17">
        <v>898.2</v>
      </c>
      <c r="G43" s="17">
        <v>392.3</v>
      </c>
      <c r="H43" s="70">
        <v>1334.8100000000002</v>
      </c>
      <c r="I43" s="17">
        <v>0</v>
      </c>
      <c r="J43" s="17">
        <v>0</v>
      </c>
      <c r="K43" s="17">
        <v>0</v>
      </c>
      <c r="L43" s="17">
        <v>0</v>
      </c>
      <c r="M43" s="17">
        <v>0</v>
      </c>
      <c r="N43" s="17">
        <v>0</v>
      </c>
      <c r="O43" s="17">
        <v>88.210000000000008</v>
      </c>
      <c r="P43" s="69">
        <v>2066.29</v>
      </c>
      <c r="Q43" s="69">
        <v>2154.5</v>
      </c>
      <c r="R43" s="69">
        <v>3489.3100000000004</v>
      </c>
      <c r="S43" s="17">
        <v>0</v>
      </c>
      <c r="T43" s="17">
        <v>5.43</v>
      </c>
      <c r="U43" s="17">
        <v>0</v>
      </c>
      <c r="V43" s="17">
        <v>126.27000000000001</v>
      </c>
      <c r="W43" s="17">
        <v>13.45</v>
      </c>
      <c r="X43" s="17">
        <v>0</v>
      </c>
      <c r="Y43" s="17">
        <v>269.01</v>
      </c>
      <c r="Z43" s="70">
        <v>3903.4700000000003</v>
      </c>
      <c r="AA43" s="41" t="s">
        <v>0</v>
      </c>
      <c r="AB43" s="41" t="s">
        <v>0</v>
      </c>
      <c r="AE43"/>
      <c r="AF43"/>
      <c r="AG43"/>
    </row>
    <row r="44" spans="1:33" s="3" customFormat="1" ht="15.75" customHeight="1" x14ac:dyDescent="0.15">
      <c r="A44" s="33" t="s">
        <v>3</v>
      </c>
      <c r="B44" s="44" t="s">
        <v>15</v>
      </c>
      <c r="C44" s="44" t="s">
        <v>139</v>
      </c>
      <c r="D44" s="13">
        <v>0</v>
      </c>
      <c r="E44" s="13">
        <v>0</v>
      </c>
      <c r="F44" s="13">
        <v>0</v>
      </c>
      <c r="G44" s="13">
        <v>0</v>
      </c>
      <c r="H44" s="13">
        <v>0</v>
      </c>
      <c r="I44" s="13">
        <v>0</v>
      </c>
      <c r="J44" s="13">
        <v>0</v>
      </c>
      <c r="K44" s="13">
        <v>0</v>
      </c>
      <c r="L44" s="13">
        <v>0</v>
      </c>
      <c r="M44" s="13">
        <v>0</v>
      </c>
      <c r="N44" s="13">
        <v>0</v>
      </c>
      <c r="O44" s="13">
        <v>0</v>
      </c>
      <c r="P44" s="13">
        <v>0</v>
      </c>
      <c r="Q44" s="13">
        <v>0</v>
      </c>
      <c r="R44" s="13">
        <v>0</v>
      </c>
      <c r="S44" s="13">
        <v>0</v>
      </c>
      <c r="T44" s="13">
        <v>0</v>
      </c>
      <c r="U44" s="13">
        <v>0</v>
      </c>
      <c r="V44" s="13">
        <v>0</v>
      </c>
      <c r="W44" s="13">
        <v>0</v>
      </c>
      <c r="X44" s="13">
        <v>0</v>
      </c>
      <c r="Y44" s="13">
        <v>0</v>
      </c>
      <c r="Z44" s="13">
        <v>0</v>
      </c>
      <c r="AA44" s="10" t="s">
        <v>49</v>
      </c>
      <c r="AB44" s="44" t="s">
        <v>15</v>
      </c>
      <c r="AE44"/>
      <c r="AF44"/>
      <c r="AG44"/>
    </row>
    <row r="45" spans="1:33" s="3" customFormat="1" ht="15.75" customHeight="1" x14ac:dyDescent="0.15">
      <c r="A45" s="33" t="s">
        <v>3</v>
      </c>
      <c r="B45" s="46" t="s">
        <v>15</v>
      </c>
      <c r="C45" s="46" t="s">
        <v>140</v>
      </c>
      <c r="D45" s="15">
        <v>0</v>
      </c>
      <c r="E45" s="15">
        <v>0</v>
      </c>
      <c r="F45" s="15">
        <v>0</v>
      </c>
      <c r="G45" s="15">
        <v>0</v>
      </c>
      <c r="H45" s="15">
        <v>0</v>
      </c>
      <c r="I45" s="15">
        <v>0</v>
      </c>
      <c r="J45" s="15">
        <v>0</v>
      </c>
      <c r="K45" s="15">
        <v>0</v>
      </c>
      <c r="L45" s="15">
        <v>0</v>
      </c>
      <c r="M45" s="15">
        <v>0</v>
      </c>
      <c r="N45" s="15">
        <v>0</v>
      </c>
      <c r="O45" s="15">
        <v>0</v>
      </c>
      <c r="P45" s="15">
        <v>0</v>
      </c>
      <c r="Q45" s="15">
        <v>0</v>
      </c>
      <c r="R45" s="15">
        <v>0</v>
      </c>
      <c r="S45" s="15">
        <v>0</v>
      </c>
      <c r="T45" s="15">
        <v>0</v>
      </c>
      <c r="U45" s="15">
        <v>0</v>
      </c>
      <c r="V45" s="15">
        <v>0</v>
      </c>
      <c r="W45" s="15">
        <v>0</v>
      </c>
      <c r="X45" s="15">
        <v>0</v>
      </c>
      <c r="Y45" s="15">
        <v>0</v>
      </c>
      <c r="Z45" s="15">
        <v>0</v>
      </c>
      <c r="AA45" s="7" t="s">
        <v>50</v>
      </c>
      <c r="AB45" s="46" t="s">
        <v>15</v>
      </c>
      <c r="AE45"/>
      <c r="AF45"/>
      <c r="AG45"/>
    </row>
    <row r="46" spans="1:33" s="3" customFormat="1" ht="15.95" customHeight="1" x14ac:dyDescent="0.15">
      <c r="A46" s="33" t="s">
        <v>3</v>
      </c>
      <c r="B46" s="46" t="s">
        <v>15</v>
      </c>
      <c r="C46" s="46" t="s">
        <v>141</v>
      </c>
      <c r="D46" s="15">
        <v>0</v>
      </c>
      <c r="E46" s="15">
        <v>0</v>
      </c>
      <c r="F46" s="15">
        <v>0</v>
      </c>
      <c r="G46" s="15">
        <v>0</v>
      </c>
      <c r="H46" s="15">
        <v>0</v>
      </c>
      <c r="I46" s="15">
        <v>0</v>
      </c>
      <c r="J46" s="15">
        <v>0</v>
      </c>
      <c r="K46" s="15">
        <v>0</v>
      </c>
      <c r="L46" s="15">
        <v>0</v>
      </c>
      <c r="M46" s="15">
        <v>0</v>
      </c>
      <c r="N46" s="15">
        <v>0</v>
      </c>
      <c r="O46" s="15">
        <v>0</v>
      </c>
      <c r="P46" s="15">
        <v>0</v>
      </c>
      <c r="Q46" s="15">
        <v>0</v>
      </c>
      <c r="R46" s="15">
        <v>0</v>
      </c>
      <c r="S46" s="15">
        <v>0</v>
      </c>
      <c r="T46" s="15">
        <v>0</v>
      </c>
      <c r="U46" s="15">
        <v>0</v>
      </c>
      <c r="V46" s="15">
        <v>0</v>
      </c>
      <c r="W46" s="15">
        <v>0</v>
      </c>
      <c r="X46" s="15">
        <v>0</v>
      </c>
      <c r="Y46" s="15">
        <v>0</v>
      </c>
      <c r="Z46" s="15">
        <v>0</v>
      </c>
      <c r="AA46" s="6" t="s">
        <v>51</v>
      </c>
      <c r="AB46" s="46" t="s">
        <v>15</v>
      </c>
      <c r="AE46"/>
      <c r="AF46"/>
      <c r="AG46"/>
    </row>
    <row r="47" spans="1:33" s="3" customFormat="1" ht="15.95" customHeight="1" x14ac:dyDescent="0.15">
      <c r="A47" s="33" t="s">
        <v>3</v>
      </c>
      <c r="B47" s="46" t="s">
        <v>15</v>
      </c>
      <c r="C47" s="46" t="s">
        <v>142</v>
      </c>
      <c r="D47" s="15">
        <v>0</v>
      </c>
      <c r="E47" s="15">
        <v>0</v>
      </c>
      <c r="F47" s="15">
        <v>0</v>
      </c>
      <c r="G47" s="15">
        <v>0</v>
      </c>
      <c r="H47" s="15">
        <v>0</v>
      </c>
      <c r="I47" s="15">
        <v>0</v>
      </c>
      <c r="J47" s="15">
        <v>0</v>
      </c>
      <c r="K47" s="15">
        <v>0</v>
      </c>
      <c r="L47" s="15">
        <v>0</v>
      </c>
      <c r="M47" s="15">
        <v>0</v>
      </c>
      <c r="N47" s="15">
        <v>0</v>
      </c>
      <c r="O47" s="15">
        <v>0</v>
      </c>
      <c r="P47" s="15">
        <v>0</v>
      </c>
      <c r="Q47" s="15">
        <v>0</v>
      </c>
      <c r="R47" s="15">
        <v>0</v>
      </c>
      <c r="S47" s="15">
        <v>0</v>
      </c>
      <c r="T47" s="15">
        <v>0</v>
      </c>
      <c r="U47" s="15">
        <v>0</v>
      </c>
      <c r="V47" s="15">
        <v>0</v>
      </c>
      <c r="W47" s="15">
        <v>0</v>
      </c>
      <c r="X47" s="15">
        <v>0</v>
      </c>
      <c r="Y47" s="15">
        <v>0</v>
      </c>
      <c r="Z47" s="15">
        <v>0</v>
      </c>
      <c r="AA47" s="7" t="s">
        <v>80</v>
      </c>
      <c r="AB47" s="46" t="s">
        <v>15</v>
      </c>
      <c r="AE47"/>
      <c r="AF47"/>
      <c r="AG47"/>
    </row>
    <row r="48" spans="1:33" s="3" customFormat="1" ht="15.95" customHeight="1" x14ac:dyDescent="0.15">
      <c r="A48" s="33" t="s">
        <v>3</v>
      </c>
      <c r="B48" s="46" t="s">
        <v>15</v>
      </c>
      <c r="C48" s="46" t="s">
        <v>143</v>
      </c>
      <c r="D48" s="15">
        <v>0</v>
      </c>
      <c r="E48" s="15">
        <v>0</v>
      </c>
      <c r="F48" s="15">
        <v>0</v>
      </c>
      <c r="G48" s="15">
        <v>0</v>
      </c>
      <c r="H48" s="15">
        <v>0</v>
      </c>
      <c r="I48" s="15">
        <v>0</v>
      </c>
      <c r="J48" s="15">
        <v>0</v>
      </c>
      <c r="K48" s="15">
        <v>0</v>
      </c>
      <c r="L48" s="15">
        <v>0</v>
      </c>
      <c r="M48" s="15">
        <v>0</v>
      </c>
      <c r="N48" s="15">
        <v>0</v>
      </c>
      <c r="O48" s="15">
        <v>0</v>
      </c>
      <c r="P48" s="15">
        <v>0</v>
      </c>
      <c r="Q48" s="15">
        <v>0</v>
      </c>
      <c r="R48" s="15">
        <v>0</v>
      </c>
      <c r="S48" s="15">
        <v>0</v>
      </c>
      <c r="T48" s="15">
        <v>0</v>
      </c>
      <c r="U48" s="15">
        <v>0</v>
      </c>
      <c r="V48" s="15">
        <v>0</v>
      </c>
      <c r="W48" s="15">
        <v>0</v>
      </c>
      <c r="X48" s="15">
        <v>2.58</v>
      </c>
      <c r="Y48" s="15">
        <v>0</v>
      </c>
      <c r="Z48" s="15">
        <v>2.58</v>
      </c>
      <c r="AA48" s="7" t="s">
        <v>52</v>
      </c>
      <c r="AB48" s="46" t="s">
        <v>15</v>
      </c>
      <c r="AE48"/>
      <c r="AF48"/>
      <c r="AG48"/>
    </row>
    <row r="49" spans="1:33" s="3" customFormat="1" ht="15.95" customHeight="1" x14ac:dyDescent="0.15">
      <c r="A49" s="33" t="s">
        <v>3</v>
      </c>
      <c r="B49" s="46" t="s">
        <v>15</v>
      </c>
      <c r="C49" s="46" t="s">
        <v>144</v>
      </c>
      <c r="D49" s="15">
        <v>0</v>
      </c>
      <c r="E49" s="15">
        <v>0</v>
      </c>
      <c r="F49" s="15">
        <v>0</v>
      </c>
      <c r="G49" s="15">
        <v>0</v>
      </c>
      <c r="H49" s="15">
        <v>0</v>
      </c>
      <c r="I49" s="15">
        <v>0</v>
      </c>
      <c r="J49" s="15">
        <v>0</v>
      </c>
      <c r="K49" s="15">
        <v>0</v>
      </c>
      <c r="L49" s="15">
        <v>0</v>
      </c>
      <c r="M49" s="15">
        <v>0</v>
      </c>
      <c r="N49" s="15">
        <v>0</v>
      </c>
      <c r="O49" s="15">
        <v>36.56</v>
      </c>
      <c r="P49" s="15">
        <v>157.54</v>
      </c>
      <c r="Q49" s="15">
        <v>194.1</v>
      </c>
      <c r="R49" s="15">
        <v>194.1</v>
      </c>
      <c r="S49" s="15">
        <v>0</v>
      </c>
      <c r="T49" s="15">
        <v>0</v>
      </c>
      <c r="U49" s="15">
        <v>0</v>
      </c>
      <c r="V49" s="15">
        <v>0</v>
      </c>
      <c r="W49" s="15">
        <v>0</v>
      </c>
      <c r="X49" s="15">
        <v>0</v>
      </c>
      <c r="Y49" s="15">
        <v>0</v>
      </c>
      <c r="Z49" s="15">
        <v>194.1</v>
      </c>
      <c r="AA49" s="7" t="s">
        <v>53</v>
      </c>
      <c r="AB49" s="46" t="s">
        <v>15</v>
      </c>
      <c r="AE49"/>
      <c r="AF49"/>
      <c r="AG49"/>
    </row>
    <row r="50" spans="1:33" s="3" customFormat="1" ht="15.95" customHeight="1" x14ac:dyDescent="0.15">
      <c r="A50" s="33" t="s">
        <v>3</v>
      </c>
      <c r="B50" s="47" t="s">
        <v>15</v>
      </c>
      <c r="C50" s="47" t="s">
        <v>20</v>
      </c>
      <c r="D50" s="16">
        <v>0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36.56</v>
      </c>
      <c r="P50" s="16">
        <v>157.54</v>
      </c>
      <c r="Q50" s="16">
        <v>194.1</v>
      </c>
      <c r="R50" s="16">
        <v>194.1</v>
      </c>
      <c r="S50" s="16">
        <v>0</v>
      </c>
      <c r="T50" s="16">
        <v>0</v>
      </c>
      <c r="U50" s="16">
        <v>0</v>
      </c>
      <c r="V50" s="16">
        <v>0</v>
      </c>
      <c r="W50" s="16">
        <v>0</v>
      </c>
      <c r="X50" s="16">
        <v>2.58</v>
      </c>
      <c r="Y50" s="16">
        <v>0</v>
      </c>
      <c r="Z50" s="16">
        <v>196.68</v>
      </c>
      <c r="AA50" s="8" t="s">
        <v>28</v>
      </c>
      <c r="AB50" s="47" t="s">
        <v>15</v>
      </c>
      <c r="AE50"/>
      <c r="AF50"/>
      <c r="AG50"/>
    </row>
    <row r="51" spans="1:33" s="3" customFormat="1" ht="15.95" customHeight="1" x14ac:dyDescent="0.15">
      <c r="A51" s="33" t="s">
        <v>3</v>
      </c>
      <c r="B51" s="46" t="s">
        <v>94</v>
      </c>
      <c r="C51" s="46" t="s">
        <v>145</v>
      </c>
      <c r="D51" s="15">
        <v>0</v>
      </c>
      <c r="E51" s="15">
        <v>0</v>
      </c>
      <c r="F51" s="15">
        <v>0</v>
      </c>
      <c r="G51" s="15">
        <v>0</v>
      </c>
      <c r="H51" s="15">
        <v>0</v>
      </c>
      <c r="I51" s="15">
        <v>0</v>
      </c>
      <c r="J51" s="15">
        <v>0</v>
      </c>
      <c r="K51" s="15">
        <v>0</v>
      </c>
      <c r="L51" s="15">
        <v>0</v>
      </c>
      <c r="M51" s="15">
        <v>0</v>
      </c>
      <c r="N51" s="15">
        <v>0</v>
      </c>
      <c r="O51" s="15">
        <v>37.520000000000003</v>
      </c>
      <c r="P51" s="15">
        <v>202.08</v>
      </c>
      <c r="Q51" s="15">
        <v>239.60000000000002</v>
      </c>
      <c r="R51" s="15">
        <v>239.60000000000002</v>
      </c>
      <c r="S51" s="15">
        <v>0</v>
      </c>
      <c r="T51" s="15">
        <v>0</v>
      </c>
      <c r="U51" s="15">
        <v>0</v>
      </c>
      <c r="V51" s="15">
        <v>0</v>
      </c>
      <c r="W51" s="15">
        <v>0</v>
      </c>
      <c r="X51" s="15">
        <v>0</v>
      </c>
      <c r="Y51" s="15">
        <v>6.2</v>
      </c>
      <c r="Z51" s="15">
        <v>245.8</v>
      </c>
      <c r="AA51" s="7" t="s">
        <v>54</v>
      </c>
      <c r="AB51" s="46" t="s">
        <v>94</v>
      </c>
      <c r="AE51"/>
      <c r="AF51"/>
      <c r="AG51"/>
    </row>
    <row r="52" spans="1:33" s="3" customFormat="1" ht="15.95" customHeight="1" x14ac:dyDescent="0.15">
      <c r="A52" s="33" t="s">
        <v>3</v>
      </c>
      <c r="B52" s="46" t="s">
        <v>94</v>
      </c>
      <c r="C52" s="46" t="s">
        <v>146</v>
      </c>
      <c r="D52" s="15">
        <v>0</v>
      </c>
      <c r="E52" s="15">
        <v>0</v>
      </c>
      <c r="F52" s="15">
        <v>0</v>
      </c>
      <c r="G52" s="15">
        <v>0</v>
      </c>
      <c r="H52" s="15">
        <v>0</v>
      </c>
      <c r="I52" s="15">
        <v>0</v>
      </c>
      <c r="J52" s="15">
        <v>6.61</v>
      </c>
      <c r="K52" s="15">
        <v>733.46</v>
      </c>
      <c r="L52" s="15">
        <v>396.51</v>
      </c>
      <c r="M52" s="68">
        <v>1136.58</v>
      </c>
      <c r="N52" s="15">
        <v>0</v>
      </c>
      <c r="O52" s="15">
        <v>0</v>
      </c>
      <c r="P52" s="15">
        <v>62.73</v>
      </c>
      <c r="Q52" s="15">
        <v>62.73</v>
      </c>
      <c r="R52" s="68">
        <v>1199.31</v>
      </c>
      <c r="S52" s="15">
        <v>0</v>
      </c>
      <c r="T52" s="15">
        <v>0</v>
      </c>
      <c r="U52" s="15">
        <v>0</v>
      </c>
      <c r="V52" s="15">
        <v>0</v>
      </c>
      <c r="W52" s="15">
        <v>0</v>
      </c>
      <c r="X52" s="15">
        <v>0</v>
      </c>
      <c r="Y52" s="15">
        <v>0.87</v>
      </c>
      <c r="Z52" s="71">
        <v>1200.1799999999998</v>
      </c>
      <c r="AA52" s="7" t="s">
        <v>55</v>
      </c>
      <c r="AB52" s="46" t="s">
        <v>94</v>
      </c>
      <c r="AE52"/>
      <c r="AF52"/>
      <c r="AG52"/>
    </row>
    <row r="53" spans="1:33" s="3" customFormat="1" ht="15.95" customHeight="1" x14ac:dyDescent="0.15">
      <c r="A53" s="33" t="s">
        <v>3</v>
      </c>
      <c r="B53" s="46" t="s">
        <v>94</v>
      </c>
      <c r="C53" s="60" t="s">
        <v>20</v>
      </c>
      <c r="D53" s="15">
        <v>0</v>
      </c>
      <c r="E53" s="15">
        <v>0</v>
      </c>
      <c r="F53" s="15">
        <v>0</v>
      </c>
      <c r="G53" s="15">
        <v>0</v>
      </c>
      <c r="H53" s="15">
        <v>0</v>
      </c>
      <c r="I53" s="15">
        <v>0</v>
      </c>
      <c r="J53" s="15">
        <v>6.61</v>
      </c>
      <c r="K53" s="15">
        <v>733.46</v>
      </c>
      <c r="L53" s="15">
        <v>396.51</v>
      </c>
      <c r="M53" s="68">
        <v>1136.58</v>
      </c>
      <c r="N53" s="15">
        <v>0</v>
      </c>
      <c r="O53" s="15">
        <v>37.520000000000003</v>
      </c>
      <c r="P53" s="15">
        <v>264.81</v>
      </c>
      <c r="Q53" s="15">
        <v>302.33000000000004</v>
      </c>
      <c r="R53" s="68">
        <v>1438.9099999999999</v>
      </c>
      <c r="S53" s="15">
        <v>0</v>
      </c>
      <c r="T53" s="15">
        <v>0</v>
      </c>
      <c r="U53" s="15">
        <v>0</v>
      </c>
      <c r="V53" s="15">
        <v>0</v>
      </c>
      <c r="W53" s="15">
        <v>0</v>
      </c>
      <c r="X53" s="15">
        <v>0</v>
      </c>
      <c r="Y53" s="15">
        <v>7.07</v>
      </c>
      <c r="Z53" s="71">
        <v>1445.9799999999998</v>
      </c>
      <c r="AA53" s="8" t="s">
        <v>28</v>
      </c>
      <c r="AB53" s="46" t="s">
        <v>94</v>
      </c>
      <c r="AE53"/>
      <c r="AF53"/>
      <c r="AG53"/>
    </row>
    <row r="54" spans="1:33" s="3" customFormat="1" ht="15.95" customHeight="1" x14ac:dyDescent="0.15">
      <c r="A54" s="33" t="s">
        <v>3</v>
      </c>
      <c r="B54" s="45" t="s">
        <v>16</v>
      </c>
      <c r="C54" s="45" t="s">
        <v>147</v>
      </c>
      <c r="D54" s="14">
        <v>0</v>
      </c>
      <c r="E54" s="14">
        <v>0</v>
      </c>
      <c r="F54" s="14">
        <v>71.42</v>
      </c>
      <c r="G54" s="14">
        <v>0</v>
      </c>
      <c r="H54" s="14">
        <v>71.42</v>
      </c>
      <c r="I54" s="14">
        <v>0</v>
      </c>
      <c r="J54" s="14">
        <v>0</v>
      </c>
      <c r="K54" s="14">
        <v>0</v>
      </c>
      <c r="L54" s="14">
        <v>0</v>
      </c>
      <c r="M54" s="14">
        <v>0</v>
      </c>
      <c r="N54" s="14">
        <v>0</v>
      </c>
      <c r="O54" s="14">
        <v>0</v>
      </c>
      <c r="P54" s="14">
        <v>0</v>
      </c>
      <c r="Q54" s="14">
        <v>0</v>
      </c>
      <c r="R54" s="14">
        <v>71.42</v>
      </c>
      <c r="S54" s="14">
        <v>0</v>
      </c>
      <c r="T54" s="14">
        <v>0</v>
      </c>
      <c r="U54" s="14">
        <v>0</v>
      </c>
      <c r="V54" s="14">
        <v>0</v>
      </c>
      <c r="W54" s="14">
        <v>0</v>
      </c>
      <c r="X54" s="14">
        <v>0</v>
      </c>
      <c r="Y54" s="14">
        <v>0</v>
      </c>
      <c r="Z54" s="14">
        <v>71.42</v>
      </c>
      <c r="AA54" s="9" t="s">
        <v>56</v>
      </c>
      <c r="AB54" s="45" t="s">
        <v>16</v>
      </c>
      <c r="AE54"/>
      <c r="AF54"/>
      <c r="AG54"/>
    </row>
    <row r="55" spans="1:33" s="3" customFormat="1" ht="15.95" customHeight="1" x14ac:dyDescent="0.15">
      <c r="A55" s="33" t="s">
        <v>3</v>
      </c>
      <c r="B55" s="46" t="s">
        <v>16</v>
      </c>
      <c r="C55" s="46" t="s">
        <v>148</v>
      </c>
      <c r="D55" s="15">
        <v>0</v>
      </c>
      <c r="E55" s="15">
        <v>0</v>
      </c>
      <c r="F55" s="15">
        <v>0</v>
      </c>
      <c r="G55" s="15">
        <v>0</v>
      </c>
      <c r="H55" s="15">
        <v>0</v>
      </c>
      <c r="I55" s="15">
        <v>0</v>
      </c>
      <c r="J55" s="15">
        <v>0</v>
      </c>
      <c r="K55" s="15">
        <v>0</v>
      </c>
      <c r="L55" s="15">
        <v>0</v>
      </c>
      <c r="M55" s="15">
        <v>0</v>
      </c>
      <c r="N55" s="15">
        <v>0</v>
      </c>
      <c r="O55" s="15">
        <v>0</v>
      </c>
      <c r="P55" s="15">
        <v>0</v>
      </c>
      <c r="Q55" s="15">
        <v>0</v>
      </c>
      <c r="R55" s="15">
        <v>0</v>
      </c>
      <c r="S55" s="15">
        <v>0</v>
      </c>
      <c r="T55" s="15">
        <v>11.26</v>
      </c>
      <c r="U55" s="15">
        <v>4.9000000000000004</v>
      </c>
      <c r="V55" s="15">
        <v>0</v>
      </c>
      <c r="W55" s="15">
        <v>0</v>
      </c>
      <c r="X55" s="15">
        <v>0</v>
      </c>
      <c r="Y55" s="15">
        <v>0</v>
      </c>
      <c r="Z55" s="15">
        <v>16.16</v>
      </c>
      <c r="AA55" s="7" t="s">
        <v>57</v>
      </c>
      <c r="AB55" s="46" t="s">
        <v>16</v>
      </c>
      <c r="AE55"/>
      <c r="AF55"/>
      <c r="AG55"/>
    </row>
    <row r="56" spans="1:33" s="3" customFormat="1" ht="15.95" customHeight="1" x14ac:dyDescent="0.15">
      <c r="A56" s="33" t="s">
        <v>3</v>
      </c>
      <c r="B56" s="48" t="s">
        <v>16</v>
      </c>
      <c r="C56" s="62" t="s">
        <v>20</v>
      </c>
      <c r="D56" s="15">
        <v>0</v>
      </c>
      <c r="E56" s="15">
        <v>0</v>
      </c>
      <c r="F56" s="15">
        <v>71.42</v>
      </c>
      <c r="G56" s="15">
        <v>0</v>
      </c>
      <c r="H56" s="15">
        <v>71.42</v>
      </c>
      <c r="I56" s="15">
        <v>0</v>
      </c>
      <c r="J56" s="15">
        <v>0</v>
      </c>
      <c r="K56" s="15">
        <v>0</v>
      </c>
      <c r="L56" s="15">
        <v>0</v>
      </c>
      <c r="M56" s="15">
        <v>0</v>
      </c>
      <c r="N56" s="15">
        <v>0</v>
      </c>
      <c r="O56" s="15">
        <v>0</v>
      </c>
      <c r="P56" s="15">
        <v>0</v>
      </c>
      <c r="Q56" s="15">
        <v>0</v>
      </c>
      <c r="R56" s="15">
        <v>71.42</v>
      </c>
      <c r="S56" s="15">
        <v>0</v>
      </c>
      <c r="T56" s="15">
        <v>11.26</v>
      </c>
      <c r="U56" s="15">
        <v>4.9000000000000004</v>
      </c>
      <c r="V56" s="15">
        <v>0</v>
      </c>
      <c r="W56" s="15">
        <v>0</v>
      </c>
      <c r="X56" s="15">
        <v>0</v>
      </c>
      <c r="Y56" s="15">
        <v>0</v>
      </c>
      <c r="Z56" s="15">
        <v>87.58</v>
      </c>
      <c r="AA56" s="8" t="s">
        <v>28</v>
      </c>
      <c r="AB56" s="48" t="s">
        <v>16</v>
      </c>
      <c r="AE56"/>
      <c r="AF56"/>
      <c r="AG56"/>
    </row>
    <row r="57" spans="1:33" s="3" customFormat="1" ht="15.95" customHeight="1" x14ac:dyDescent="0.15">
      <c r="A57" s="33" t="s">
        <v>3</v>
      </c>
      <c r="B57" s="23" t="s">
        <v>0</v>
      </c>
      <c r="C57" s="40" t="s">
        <v>0</v>
      </c>
      <c r="D57" s="17">
        <v>0</v>
      </c>
      <c r="E57" s="17">
        <v>0</v>
      </c>
      <c r="F57" s="17">
        <v>71.42</v>
      </c>
      <c r="G57" s="17">
        <v>0</v>
      </c>
      <c r="H57" s="17">
        <v>71.42</v>
      </c>
      <c r="I57" s="17">
        <v>0</v>
      </c>
      <c r="J57" s="17">
        <v>6.61</v>
      </c>
      <c r="K57" s="17">
        <v>733.46</v>
      </c>
      <c r="L57" s="17">
        <v>396.51</v>
      </c>
      <c r="M57" s="69">
        <v>1136.58</v>
      </c>
      <c r="N57" s="17">
        <v>0</v>
      </c>
      <c r="O57" s="17">
        <v>74.080000000000013</v>
      </c>
      <c r="P57" s="17">
        <v>422.35</v>
      </c>
      <c r="Q57" s="17">
        <v>496.43000000000006</v>
      </c>
      <c r="R57" s="69">
        <v>1704.4299999999998</v>
      </c>
      <c r="S57" s="17">
        <v>0</v>
      </c>
      <c r="T57" s="17">
        <v>11.26</v>
      </c>
      <c r="U57" s="17">
        <v>4.9000000000000004</v>
      </c>
      <c r="V57" s="17">
        <v>0</v>
      </c>
      <c r="W57" s="17">
        <v>0</v>
      </c>
      <c r="X57" s="17">
        <v>2.58</v>
      </c>
      <c r="Y57" s="17">
        <v>7.07</v>
      </c>
      <c r="Z57" s="70">
        <v>1730.2399999999998</v>
      </c>
      <c r="AA57" s="40" t="s">
        <v>0</v>
      </c>
      <c r="AB57" s="24" t="s">
        <v>0</v>
      </c>
      <c r="AE57"/>
      <c r="AF57"/>
      <c r="AG57"/>
    </row>
    <row r="58" spans="1:33" s="3" customFormat="1" ht="15.95" customHeight="1" x14ac:dyDescent="0.15">
      <c r="A58" s="33" t="s">
        <v>3</v>
      </c>
      <c r="B58" s="49" t="s">
        <v>17</v>
      </c>
      <c r="C58" s="44" t="s">
        <v>149</v>
      </c>
      <c r="D58" s="15">
        <v>0</v>
      </c>
      <c r="E58" s="15">
        <v>0</v>
      </c>
      <c r="F58" s="15">
        <v>0</v>
      </c>
      <c r="G58" s="15">
        <v>0</v>
      </c>
      <c r="H58" s="15">
        <v>0</v>
      </c>
      <c r="I58" s="15">
        <v>0</v>
      </c>
      <c r="J58" s="15">
        <v>0</v>
      </c>
      <c r="K58" s="15">
        <v>0</v>
      </c>
      <c r="L58" s="15">
        <v>0</v>
      </c>
      <c r="M58" s="15">
        <v>0</v>
      </c>
      <c r="N58" s="15">
        <v>0</v>
      </c>
      <c r="O58" s="15">
        <v>79.900000000000006</v>
      </c>
      <c r="P58" s="15">
        <v>647.20000000000005</v>
      </c>
      <c r="Q58" s="15">
        <v>727.1</v>
      </c>
      <c r="R58" s="15">
        <v>727.1</v>
      </c>
      <c r="S58" s="15">
        <v>0</v>
      </c>
      <c r="T58" s="15">
        <v>0</v>
      </c>
      <c r="U58" s="15">
        <v>0</v>
      </c>
      <c r="V58" s="15">
        <v>0</v>
      </c>
      <c r="W58" s="15">
        <v>0</v>
      </c>
      <c r="X58" s="15">
        <v>0</v>
      </c>
      <c r="Y58" s="15">
        <v>75.38</v>
      </c>
      <c r="Z58" s="15">
        <v>802.48</v>
      </c>
      <c r="AA58" s="7" t="s">
        <v>58</v>
      </c>
      <c r="AB58" s="49" t="s">
        <v>17</v>
      </c>
      <c r="AE58"/>
      <c r="AF58"/>
      <c r="AG58"/>
    </row>
    <row r="59" spans="1:33" s="3" customFormat="1" ht="15.95" customHeight="1" x14ac:dyDescent="0.15">
      <c r="A59" s="33" t="s">
        <v>3</v>
      </c>
      <c r="B59" s="46" t="s">
        <v>17</v>
      </c>
      <c r="C59" s="46" t="s">
        <v>150</v>
      </c>
      <c r="D59" s="15">
        <v>0</v>
      </c>
      <c r="E59" s="15">
        <v>0</v>
      </c>
      <c r="F59" s="15">
        <v>0</v>
      </c>
      <c r="G59" s="15">
        <v>0</v>
      </c>
      <c r="H59" s="15">
        <v>0</v>
      </c>
      <c r="I59" s="15">
        <v>0</v>
      </c>
      <c r="J59" s="15">
        <v>0</v>
      </c>
      <c r="K59" s="15">
        <v>0</v>
      </c>
      <c r="L59" s="15">
        <v>0</v>
      </c>
      <c r="M59" s="15">
        <v>0</v>
      </c>
      <c r="N59" s="15">
        <v>0</v>
      </c>
      <c r="O59" s="15">
        <v>77.52</v>
      </c>
      <c r="P59" s="15">
        <v>426.06</v>
      </c>
      <c r="Q59" s="15">
        <v>503.58</v>
      </c>
      <c r="R59" s="15">
        <v>503.58</v>
      </c>
      <c r="S59" s="15">
        <v>0</v>
      </c>
      <c r="T59" s="15">
        <v>0</v>
      </c>
      <c r="U59" s="15">
        <v>0</v>
      </c>
      <c r="V59" s="15">
        <v>74.209999999999994</v>
      </c>
      <c r="W59" s="15">
        <v>0</v>
      </c>
      <c r="X59" s="15">
        <v>0</v>
      </c>
      <c r="Y59" s="15">
        <v>0</v>
      </c>
      <c r="Z59" s="15">
        <v>577.79</v>
      </c>
      <c r="AA59" s="7" t="s">
        <v>59</v>
      </c>
      <c r="AB59" s="46" t="s">
        <v>17</v>
      </c>
      <c r="AE59"/>
      <c r="AF59"/>
      <c r="AG59"/>
    </row>
    <row r="60" spans="1:33" s="3" customFormat="1" ht="15.95" customHeight="1" x14ac:dyDescent="0.15">
      <c r="A60" s="33" t="s">
        <v>3</v>
      </c>
      <c r="B60" s="46" t="s">
        <v>17</v>
      </c>
      <c r="C60" s="46" t="s">
        <v>151</v>
      </c>
      <c r="D60" s="15">
        <v>0</v>
      </c>
      <c r="E60" s="15">
        <v>0</v>
      </c>
      <c r="F60" s="15">
        <v>0</v>
      </c>
      <c r="G60" s="15">
        <v>0</v>
      </c>
      <c r="H60" s="15">
        <v>0</v>
      </c>
      <c r="I60" s="15">
        <v>0</v>
      </c>
      <c r="J60" s="15">
        <v>0</v>
      </c>
      <c r="K60" s="15">
        <v>0</v>
      </c>
      <c r="L60" s="15">
        <v>0</v>
      </c>
      <c r="M60" s="15">
        <v>0</v>
      </c>
      <c r="N60" s="15">
        <v>0</v>
      </c>
      <c r="O60" s="15">
        <v>0</v>
      </c>
      <c r="P60" s="15">
        <v>0</v>
      </c>
      <c r="Q60" s="15">
        <v>0</v>
      </c>
      <c r="R60" s="15">
        <v>0</v>
      </c>
      <c r="S60" s="15">
        <v>0</v>
      </c>
      <c r="T60" s="15">
        <v>0</v>
      </c>
      <c r="U60" s="15">
        <v>0</v>
      </c>
      <c r="V60" s="15">
        <v>0</v>
      </c>
      <c r="W60" s="15">
        <v>0</v>
      </c>
      <c r="X60" s="15">
        <v>0</v>
      </c>
      <c r="Y60" s="15">
        <v>0</v>
      </c>
      <c r="Z60" s="15">
        <v>0</v>
      </c>
      <c r="AA60" s="7" t="s">
        <v>60</v>
      </c>
      <c r="AB60" s="46" t="s">
        <v>17</v>
      </c>
      <c r="AE60"/>
      <c r="AF60"/>
      <c r="AG60"/>
    </row>
    <row r="61" spans="1:33" s="3" customFormat="1" ht="15.95" customHeight="1" x14ac:dyDescent="0.15">
      <c r="A61" s="33" t="s">
        <v>3</v>
      </c>
      <c r="B61" s="46" t="s">
        <v>17</v>
      </c>
      <c r="C61" s="46" t="s">
        <v>152</v>
      </c>
      <c r="D61" s="15">
        <v>0</v>
      </c>
      <c r="E61" s="15">
        <v>0</v>
      </c>
      <c r="F61" s="15">
        <v>0</v>
      </c>
      <c r="G61" s="15">
        <v>0</v>
      </c>
      <c r="H61" s="15">
        <v>0</v>
      </c>
      <c r="I61" s="15">
        <v>0</v>
      </c>
      <c r="J61" s="15">
        <v>0</v>
      </c>
      <c r="K61" s="15">
        <v>0</v>
      </c>
      <c r="L61" s="15">
        <v>0</v>
      </c>
      <c r="M61" s="15">
        <v>0</v>
      </c>
      <c r="N61" s="15">
        <v>0</v>
      </c>
      <c r="O61" s="15">
        <v>0</v>
      </c>
      <c r="P61" s="15">
        <v>0</v>
      </c>
      <c r="Q61" s="15">
        <v>0</v>
      </c>
      <c r="R61" s="15">
        <v>0</v>
      </c>
      <c r="S61" s="15">
        <v>0</v>
      </c>
      <c r="T61" s="15">
        <v>0</v>
      </c>
      <c r="U61" s="15">
        <v>0</v>
      </c>
      <c r="V61" s="15">
        <v>0</v>
      </c>
      <c r="W61" s="15">
        <v>0</v>
      </c>
      <c r="X61" s="15">
        <v>0</v>
      </c>
      <c r="Y61" s="15">
        <v>0</v>
      </c>
      <c r="Z61" s="15">
        <v>0</v>
      </c>
      <c r="AA61" s="7" t="s">
        <v>61</v>
      </c>
      <c r="AB61" s="46" t="s">
        <v>17</v>
      </c>
      <c r="AE61"/>
      <c r="AF61"/>
      <c r="AG61"/>
    </row>
    <row r="62" spans="1:33" s="3" customFormat="1" ht="15.95" customHeight="1" x14ac:dyDescent="0.15">
      <c r="A62" s="33" t="s">
        <v>3</v>
      </c>
      <c r="B62" s="46" t="s">
        <v>17</v>
      </c>
      <c r="C62" s="46" t="s">
        <v>153</v>
      </c>
      <c r="D62" s="15">
        <v>0</v>
      </c>
      <c r="E62" s="15">
        <v>0</v>
      </c>
      <c r="F62" s="15">
        <v>0</v>
      </c>
      <c r="G62" s="15">
        <v>0</v>
      </c>
      <c r="H62" s="15">
        <v>0</v>
      </c>
      <c r="I62" s="15">
        <v>0</v>
      </c>
      <c r="J62" s="15">
        <v>0</v>
      </c>
      <c r="K62" s="15">
        <v>0</v>
      </c>
      <c r="L62" s="15">
        <v>0</v>
      </c>
      <c r="M62" s="15">
        <v>0</v>
      </c>
      <c r="N62" s="15">
        <v>0</v>
      </c>
      <c r="O62" s="15">
        <v>0</v>
      </c>
      <c r="P62" s="15">
        <v>0</v>
      </c>
      <c r="Q62" s="15">
        <v>0</v>
      </c>
      <c r="R62" s="15">
        <v>0</v>
      </c>
      <c r="S62" s="15">
        <v>0</v>
      </c>
      <c r="T62" s="15">
        <v>0</v>
      </c>
      <c r="U62" s="15">
        <v>0</v>
      </c>
      <c r="V62" s="15">
        <v>0</v>
      </c>
      <c r="W62" s="15">
        <v>0</v>
      </c>
      <c r="X62" s="15">
        <v>0</v>
      </c>
      <c r="Y62" s="15">
        <v>0</v>
      </c>
      <c r="Z62" s="15">
        <v>0</v>
      </c>
      <c r="AA62" s="7" t="s">
        <v>62</v>
      </c>
      <c r="AB62" s="46" t="s">
        <v>17</v>
      </c>
      <c r="AE62"/>
      <c r="AF62"/>
      <c r="AG62"/>
    </row>
    <row r="63" spans="1:33" s="3" customFormat="1" ht="15.95" customHeight="1" x14ac:dyDescent="0.15">
      <c r="A63" s="33" t="s">
        <v>3</v>
      </c>
      <c r="B63" s="46" t="s">
        <v>17</v>
      </c>
      <c r="C63" s="46" t="s">
        <v>154</v>
      </c>
      <c r="D63" s="15">
        <v>0</v>
      </c>
      <c r="E63" s="15">
        <v>3.25</v>
      </c>
      <c r="F63" s="15">
        <v>505.21</v>
      </c>
      <c r="G63" s="15">
        <v>559.4</v>
      </c>
      <c r="H63" s="71">
        <v>1067.8599999999999</v>
      </c>
      <c r="I63" s="15">
        <v>0</v>
      </c>
      <c r="J63" s="15">
        <v>0</v>
      </c>
      <c r="K63" s="15">
        <v>0</v>
      </c>
      <c r="L63" s="15">
        <v>0</v>
      </c>
      <c r="M63" s="15">
        <v>0</v>
      </c>
      <c r="N63" s="15">
        <v>0</v>
      </c>
      <c r="O63" s="15">
        <v>0</v>
      </c>
      <c r="P63" s="15">
        <v>0</v>
      </c>
      <c r="Q63" s="15">
        <v>0</v>
      </c>
      <c r="R63" s="68">
        <v>1067.8599999999999</v>
      </c>
      <c r="S63" s="15">
        <v>0</v>
      </c>
      <c r="T63" s="15">
        <v>0</v>
      </c>
      <c r="U63" s="15">
        <v>0</v>
      </c>
      <c r="V63" s="15">
        <v>0</v>
      </c>
      <c r="W63" s="15">
        <v>0</v>
      </c>
      <c r="X63" s="15">
        <v>0</v>
      </c>
      <c r="Y63" s="15">
        <v>0</v>
      </c>
      <c r="Z63" s="68">
        <v>1067.8599999999999</v>
      </c>
      <c r="AA63" s="7" t="s">
        <v>63</v>
      </c>
      <c r="AB63" s="46" t="s">
        <v>17</v>
      </c>
      <c r="AE63"/>
      <c r="AF63"/>
      <c r="AG63"/>
    </row>
    <row r="64" spans="1:33" s="3" customFormat="1" ht="15.95" customHeight="1" x14ac:dyDescent="0.15">
      <c r="A64" s="33" t="s">
        <v>3</v>
      </c>
      <c r="B64" s="46" t="s">
        <v>17</v>
      </c>
      <c r="C64" s="46" t="s">
        <v>155</v>
      </c>
      <c r="D64" s="15">
        <v>0</v>
      </c>
      <c r="E64" s="15">
        <v>0</v>
      </c>
      <c r="F64" s="15">
        <v>0</v>
      </c>
      <c r="G64" s="15">
        <v>0</v>
      </c>
      <c r="H64" s="15">
        <v>0</v>
      </c>
      <c r="I64" s="15">
        <v>0</v>
      </c>
      <c r="J64" s="15">
        <v>0</v>
      </c>
      <c r="K64" s="15">
        <v>0</v>
      </c>
      <c r="L64" s="15">
        <v>0</v>
      </c>
      <c r="M64" s="15">
        <v>0</v>
      </c>
      <c r="N64" s="15">
        <v>0</v>
      </c>
      <c r="O64" s="15">
        <v>0</v>
      </c>
      <c r="P64" s="15">
        <v>0</v>
      </c>
      <c r="Q64" s="15">
        <v>0</v>
      </c>
      <c r="R64" s="15">
        <v>0</v>
      </c>
      <c r="S64" s="15">
        <v>0</v>
      </c>
      <c r="T64" s="15">
        <v>0</v>
      </c>
      <c r="U64" s="15">
        <v>0</v>
      </c>
      <c r="V64" s="15">
        <v>0</v>
      </c>
      <c r="W64" s="15">
        <v>0</v>
      </c>
      <c r="X64" s="15">
        <v>0</v>
      </c>
      <c r="Y64" s="15">
        <v>0</v>
      </c>
      <c r="Z64" s="15">
        <v>0</v>
      </c>
      <c r="AA64" s="7" t="s">
        <v>64</v>
      </c>
      <c r="AB64" s="46" t="s">
        <v>17</v>
      </c>
      <c r="AE64"/>
      <c r="AF64"/>
      <c r="AG64"/>
    </row>
    <row r="65" spans="1:33" s="3" customFormat="1" ht="15.95" customHeight="1" x14ac:dyDescent="0.15">
      <c r="A65" s="33" t="s">
        <v>3</v>
      </c>
      <c r="B65" s="46" t="s">
        <v>17</v>
      </c>
      <c r="C65" s="60" t="s">
        <v>20</v>
      </c>
      <c r="D65" s="18">
        <v>0</v>
      </c>
      <c r="E65" s="22">
        <v>3.25</v>
      </c>
      <c r="F65" s="18">
        <v>505.21</v>
      </c>
      <c r="G65" s="18">
        <v>559.4</v>
      </c>
      <c r="H65" s="72">
        <v>1067.8599999999999</v>
      </c>
      <c r="I65" s="18">
        <v>0</v>
      </c>
      <c r="J65" s="18">
        <v>0</v>
      </c>
      <c r="K65" s="18">
        <v>0</v>
      </c>
      <c r="L65" s="18">
        <v>0</v>
      </c>
      <c r="M65" s="18">
        <v>0</v>
      </c>
      <c r="N65" s="18">
        <v>0</v>
      </c>
      <c r="O65" s="22">
        <v>157.42000000000002</v>
      </c>
      <c r="P65" s="76">
        <v>1073.26</v>
      </c>
      <c r="Q65" s="79">
        <v>1230.68</v>
      </c>
      <c r="R65" s="65">
        <v>2298.54</v>
      </c>
      <c r="S65" s="18">
        <v>0</v>
      </c>
      <c r="T65" s="18">
        <v>0</v>
      </c>
      <c r="U65" s="18">
        <v>0</v>
      </c>
      <c r="V65" s="18">
        <v>74.209999999999994</v>
      </c>
      <c r="W65" s="18">
        <v>0</v>
      </c>
      <c r="X65" s="18">
        <v>0</v>
      </c>
      <c r="Y65" s="18">
        <v>75.38</v>
      </c>
      <c r="Z65" s="65">
        <v>2448.13</v>
      </c>
      <c r="AA65" s="8" t="s">
        <v>28</v>
      </c>
      <c r="AB65" s="46" t="s">
        <v>17</v>
      </c>
      <c r="AE65"/>
      <c r="AF65"/>
      <c r="AG65"/>
    </row>
    <row r="66" spans="1:33" s="3" customFormat="1" ht="15.95" customHeight="1" x14ac:dyDescent="0.15">
      <c r="A66" s="33" t="s">
        <v>3</v>
      </c>
      <c r="B66" s="35" t="s">
        <v>20</v>
      </c>
      <c r="C66" s="35" t="s">
        <v>20</v>
      </c>
      <c r="D66" s="15">
        <v>22.11</v>
      </c>
      <c r="E66" s="15">
        <v>25.45</v>
      </c>
      <c r="F66" s="71">
        <v>1474.83</v>
      </c>
      <c r="G66" s="15">
        <v>951.7</v>
      </c>
      <c r="H66" s="71">
        <v>2474.09</v>
      </c>
      <c r="I66" s="15">
        <v>0</v>
      </c>
      <c r="J66" s="15">
        <v>6.61</v>
      </c>
      <c r="K66" s="15">
        <v>733.46</v>
      </c>
      <c r="L66" s="15">
        <v>396.51</v>
      </c>
      <c r="M66" s="68">
        <v>1136.58</v>
      </c>
      <c r="N66" s="15">
        <v>0</v>
      </c>
      <c r="O66" s="15">
        <v>319.71000000000004</v>
      </c>
      <c r="P66" s="68">
        <v>3561.8999999999996</v>
      </c>
      <c r="Q66" s="68">
        <v>3881.6100000000006</v>
      </c>
      <c r="R66" s="68">
        <v>7492.28</v>
      </c>
      <c r="S66" s="15">
        <v>0</v>
      </c>
      <c r="T66" s="15">
        <v>16.689999999999998</v>
      </c>
      <c r="U66" s="15">
        <v>4.9000000000000004</v>
      </c>
      <c r="V66" s="15">
        <v>200.48000000000002</v>
      </c>
      <c r="W66" s="15">
        <v>13.45</v>
      </c>
      <c r="X66" s="15">
        <v>2.58</v>
      </c>
      <c r="Y66" s="15">
        <v>351.46</v>
      </c>
      <c r="Z66" s="68">
        <v>8081.84</v>
      </c>
      <c r="AA66" s="82" t="s">
        <v>21</v>
      </c>
      <c r="AB66" s="84" t="s">
        <v>21</v>
      </c>
      <c r="AE66"/>
      <c r="AF66"/>
      <c r="AG66"/>
    </row>
    <row r="67" spans="1:33" s="3" customFormat="1" ht="15.95" customHeight="1" x14ac:dyDescent="0.15">
      <c r="A67" s="36" t="s">
        <v>4</v>
      </c>
      <c r="B67" s="44" t="s">
        <v>95</v>
      </c>
      <c r="C67" s="44" t="s">
        <v>156</v>
      </c>
      <c r="D67" s="13">
        <v>56.38</v>
      </c>
      <c r="E67" s="13">
        <v>7.51</v>
      </c>
      <c r="F67" s="13">
        <v>399.59</v>
      </c>
      <c r="G67" s="13">
        <v>675.51</v>
      </c>
      <c r="H67" s="73">
        <v>1138.99</v>
      </c>
      <c r="I67" s="13">
        <v>0</v>
      </c>
      <c r="J67" s="13">
        <v>0</v>
      </c>
      <c r="K67" s="13">
        <v>0</v>
      </c>
      <c r="L67" s="13">
        <v>0</v>
      </c>
      <c r="M67" s="13">
        <v>0</v>
      </c>
      <c r="N67" s="13">
        <v>0</v>
      </c>
      <c r="O67" s="13">
        <v>0</v>
      </c>
      <c r="P67" s="13">
        <v>0</v>
      </c>
      <c r="Q67" s="13">
        <v>0</v>
      </c>
      <c r="R67" s="80">
        <v>1138.99</v>
      </c>
      <c r="S67" s="13">
        <v>0</v>
      </c>
      <c r="T67" s="13">
        <v>3.59</v>
      </c>
      <c r="U67" s="13">
        <v>1.1100000000000001</v>
      </c>
      <c r="V67" s="13">
        <v>0</v>
      </c>
      <c r="W67" s="13">
        <v>0</v>
      </c>
      <c r="X67" s="13">
        <v>0</v>
      </c>
      <c r="Y67" s="13">
        <v>125.75</v>
      </c>
      <c r="Z67" s="80">
        <v>1269.4399999999998</v>
      </c>
      <c r="AA67" s="10" t="s">
        <v>65</v>
      </c>
      <c r="AB67" s="44" t="s">
        <v>95</v>
      </c>
      <c r="AE67"/>
      <c r="AF67"/>
      <c r="AG67"/>
    </row>
    <row r="68" spans="1:33" s="3" customFormat="1" ht="15.95" customHeight="1" x14ac:dyDescent="0.15">
      <c r="A68" s="36" t="s">
        <v>4</v>
      </c>
      <c r="B68" s="46" t="s">
        <v>95</v>
      </c>
      <c r="C68" s="46" t="s">
        <v>157</v>
      </c>
      <c r="D68" s="15">
        <v>15.25</v>
      </c>
      <c r="E68" s="15">
        <v>30.49</v>
      </c>
      <c r="F68" s="15">
        <v>104.81</v>
      </c>
      <c r="G68" s="15">
        <v>283.93</v>
      </c>
      <c r="H68" s="15">
        <v>434.48</v>
      </c>
      <c r="I68" s="15">
        <v>0</v>
      </c>
      <c r="J68" s="15">
        <v>0</v>
      </c>
      <c r="K68" s="15">
        <v>0</v>
      </c>
      <c r="L68" s="15">
        <v>0</v>
      </c>
      <c r="M68" s="15">
        <v>0</v>
      </c>
      <c r="N68" s="15">
        <v>0</v>
      </c>
      <c r="O68" s="15">
        <v>0</v>
      </c>
      <c r="P68" s="15">
        <v>0</v>
      </c>
      <c r="Q68" s="15">
        <v>0</v>
      </c>
      <c r="R68" s="68">
        <v>434.48</v>
      </c>
      <c r="S68" s="15">
        <v>0</v>
      </c>
      <c r="T68" s="15">
        <v>43.84</v>
      </c>
      <c r="U68" s="15">
        <v>20.239999999999998</v>
      </c>
      <c r="V68" s="15">
        <v>132.02000000000001</v>
      </c>
      <c r="W68" s="15">
        <v>0</v>
      </c>
      <c r="X68" s="15">
        <v>14.02</v>
      </c>
      <c r="Y68" s="15">
        <v>8.16</v>
      </c>
      <c r="Z68" s="68">
        <v>652.76</v>
      </c>
      <c r="AA68" s="7" t="s">
        <v>66</v>
      </c>
      <c r="AB68" s="46" t="s">
        <v>95</v>
      </c>
      <c r="AE68"/>
      <c r="AF68"/>
      <c r="AG68"/>
    </row>
    <row r="69" spans="1:33" s="3" customFormat="1" ht="15.95" customHeight="1" x14ac:dyDescent="0.15">
      <c r="A69" s="36" t="s">
        <v>4</v>
      </c>
      <c r="B69" s="46" t="s">
        <v>95</v>
      </c>
      <c r="C69" s="46" t="s">
        <v>158</v>
      </c>
      <c r="D69" s="15">
        <v>0</v>
      </c>
      <c r="E69" s="15">
        <v>2.17</v>
      </c>
      <c r="F69" s="15">
        <v>162.13</v>
      </c>
      <c r="G69" s="15">
        <v>394.72</v>
      </c>
      <c r="H69" s="15">
        <v>559.02</v>
      </c>
      <c r="I69" s="15">
        <v>0</v>
      </c>
      <c r="J69" s="15">
        <v>0</v>
      </c>
      <c r="K69" s="15">
        <v>0</v>
      </c>
      <c r="L69" s="15">
        <v>0</v>
      </c>
      <c r="M69" s="15">
        <v>0</v>
      </c>
      <c r="N69" s="15">
        <v>0</v>
      </c>
      <c r="O69" s="15">
        <v>0</v>
      </c>
      <c r="P69" s="15">
        <v>0</v>
      </c>
      <c r="Q69" s="15">
        <v>0</v>
      </c>
      <c r="R69" s="68">
        <v>559.02</v>
      </c>
      <c r="S69" s="15">
        <v>0</v>
      </c>
      <c r="T69" s="15">
        <v>0</v>
      </c>
      <c r="U69" s="15">
        <v>0</v>
      </c>
      <c r="V69" s="15">
        <v>0</v>
      </c>
      <c r="W69" s="15">
        <v>0</v>
      </c>
      <c r="X69" s="15">
        <v>0</v>
      </c>
      <c r="Y69" s="15">
        <v>0</v>
      </c>
      <c r="Z69" s="68">
        <v>559.02</v>
      </c>
      <c r="AA69" s="7" t="s">
        <v>67</v>
      </c>
      <c r="AB69" s="46" t="s">
        <v>95</v>
      </c>
      <c r="AE69"/>
      <c r="AF69"/>
      <c r="AG69"/>
    </row>
    <row r="70" spans="1:33" s="3" customFormat="1" ht="15.95" customHeight="1" x14ac:dyDescent="0.15">
      <c r="A70" s="36" t="s">
        <v>4</v>
      </c>
      <c r="B70" s="46" t="s">
        <v>95</v>
      </c>
      <c r="C70" s="46" t="s">
        <v>159</v>
      </c>
      <c r="D70" s="15">
        <v>0</v>
      </c>
      <c r="E70" s="15">
        <v>40.97</v>
      </c>
      <c r="F70" s="15">
        <v>173.32</v>
      </c>
      <c r="G70" s="15">
        <v>490.45</v>
      </c>
      <c r="H70" s="15">
        <v>704.74</v>
      </c>
      <c r="I70" s="15">
        <v>0</v>
      </c>
      <c r="J70" s="15">
        <v>0</v>
      </c>
      <c r="K70" s="15">
        <v>0</v>
      </c>
      <c r="L70" s="15">
        <v>0</v>
      </c>
      <c r="M70" s="15">
        <v>0</v>
      </c>
      <c r="N70" s="15">
        <v>0</v>
      </c>
      <c r="O70" s="15">
        <v>0</v>
      </c>
      <c r="P70" s="15">
        <v>0</v>
      </c>
      <c r="Q70" s="15">
        <v>0</v>
      </c>
      <c r="R70" s="68">
        <v>704.74</v>
      </c>
      <c r="S70" s="15">
        <v>0</v>
      </c>
      <c r="T70" s="15">
        <v>0</v>
      </c>
      <c r="U70" s="15">
        <v>0</v>
      </c>
      <c r="V70" s="15">
        <v>25.29</v>
      </c>
      <c r="W70" s="15">
        <v>0</v>
      </c>
      <c r="X70" s="15">
        <v>0</v>
      </c>
      <c r="Y70" s="15">
        <v>0</v>
      </c>
      <c r="Z70" s="68">
        <v>730.03</v>
      </c>
      <c r="AA70" s="7" t="s">
        <v>68</v>
      </c>
      <c r="AB70" s="46" t="s">
        <v>95</v>
      </c>
      <c r="AE70"/>
      <c r="AF70"/>
      <c r="AG70"/>
    </row>
    <row r="71" spans="1:33" s="3" customFormat="1" ht="15.95" customHeight="1" x14ac:dyDescent="0.15">
      <c r="A71" s="36" t="s">
        <v>4</v>
      </c>
      <c r="B71" s="46" t="s">
        <v>95</v>
      </c>
      <c r="C71" s="60" t="s">
        <v>20</v>
      </c>
      <c r="D71" s="16">
        <v>71.63</v>
      </c>
      <c r="E71" s="16">
        <v>81.14</v>
      </c>
      <c r="F71" s="16">
        <v>839.84999999999991</v>
      </c>
      <c r="G71" s="74">
        <v>1844.6100000000001</v>
      </c>
      <c r="H71" s="74">
        <v>2837.2299999999996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66">
        <v>2837.2299999999996</v>
      </c>
      <c r="S71" s="16">
        <v>0</v>
      </c>
      <c r="T71" s="16">
        <v>47.430000000000007</v>
      </c>
      <c r="U71" s="16">
        <v>21.349999999999998</v>
      </c>
      <c r="V71" s="16">
        <v>157.31</v>
      </c>
      <c r="W71" s="16">
        <v>0</v>
      </c>
      <c r="X71" s="16">
        <v>14.02</v>
      </c>
      <c r="Y71" s="16">
        <v>133.91</v>
      </c>
      <c r="Z71" s="66">
        <v>3211.25</v>
      </c>
      <c r="AA71" s="8" t="s">
        <v>28</v>
      </c>
      <c r="AB71" s="46" t="s">
        <v>95</v>
      </c>
      <c r="AE71"/>
      <c r="AF71"/>
      <c r="AG71"/>
    </row>
    <row r="72" spans="1:33" s="3" customFormat="1" ht="15.95" customHeight="1" x14ac:dyDescent="0.15">
      <c r="A72" s="36" t="s">
        <v>4</v>
      </c>
      <c r="B72" s="50" t="s">
        <v>96</v>
      </c>
      <c r="C72" s="50" t="s">
        <v>160</v>
      </c>
      <c r="D72" s="15">
        <v>0</v>
      </c>
      <c r="E72" s="15">
        <v>8.41</v>
      </c>
      <c r="F72" s="15">
        <v>463.49</v>
      </c>
      <c r="G72" s="15">
        <v>138.94999999999999</v>
      </c>
      <c r="H72" s="15">
        <v>610.85</v>
      </c>
      <c r="I72" s="15">
        <v>0</v>
      </c>
      <c r="J72" s="15">
        <v>0</v>
      </c>
      <c r="K72" s="15">
        <v>0</v>
      </c>
      <c r="L72" s="15">
        <v>0</v>
      </c>
      <c r="M72" s="15">
        <v>0</v>
      </c>
      <c r="N72" s="15">
        <v>0</v>
      </c>
      <c r="O72" s="15">
        <v>0</v>
      </c>
      <c r="P72" s="15">
        <v>0</v>
      </c>
      <c r="Q72" s="15">
        <v>0</v>
      </c>
      <c r="R72" s="68">
        <v>610.85</v>
      </c>
      <c r="S72" s="15">
        <v>0</v>
      </c>
      <c r="T72" s="15">
        <v>0</v>
      </c>
      <c r="U72" s="15">
        <v>0</v>
      </c>
      <c r="V72" s="15">
        <v>0</v>
      </c>
      <c r="W72" s="15">
        <v>0</v>
      </c>
      <c r="X72" s="15">
        <v>0</v>
      </c>
      <c r="Y72" s="15">
        <v>0</v>
      </c>
      <c r="Z72" s="68">
        <v>610.85</v>
      </c>
      <c r="AA72" s="7" t="s">
        <v>69</v>
      </c>
      <c r="AB72" s="50" t="s">
        <v>96</v>
      </c>
      <c r="AE72"/>
      <c r="AF72"/>
      <c r="AG72"/>
    </row>
    <row r="73" spans="1:33" s="3" customFormat="1" ht="15.95" customHeight="1" x14ac:dyDescent="0.15">
      <c r="A73" s="36" t="s">
        <v>4</v>
      </c>
      <c r="B73" s="50" t="s">
        <v>97</v>
      </c>
      <c r="C73" s="46" t="s">
        <v>161</v>
      </c>
      <c r="D73" s="14">
        <v>277.79000000000002</v>
      </c>
      <c r="E73" s="14">
        <v>132.61000000000001</v>
      </c>
      <c r="F73" s="14">
        <v>333.28</v>
      </c>
      <c r="G73" s="67">
        <v>2003.53</v>
      </c>
      <c r="H73" s="67">
        <v>2747.21</v>
      </c>
      <c r="I73" s="14">
        <v>0</v>
      </c>
      <c r="J73" s="14">
        <v>0</v>
      </c>
      <c r="K73" s="14">
        <v>0</v>
      </c>
      <c r="L73" s="14">
        <v>0</v>
      </c>
      <c r="M73" s="14">
        <v>0</v>
      </c>
      <c r="N73" s="14">
        <v>0</v>
      </c>
      <c r="O73" s="14">
        <v>0</v>
      </c>
      <c r="P73" s="14">
        <v>0</v>
      </c>
      <c r="Q73" s="14">
        <v>0</v>
      </c>
      <c r="R73" s="67">
        <v>2747.21</v>
      </c>
      <c r="S73" s="14">
        <v>0</v>
      </c>
      <c r="T73" s="14">
        <v>0</v>
      </c>
      <c r="U73" s="14">
        <v>0</v>
      </c>
      <c r="V73" s="14">
        <v>9.6999999999999993</v>
      </c>
      <c r="W73" s="14">
        <v>0</v>
      </c>
      <c r="X73" s="14">
        <v>0</v>
      </c>
      <c r="Y73" s="14">
        <v>20.43</v>
      </c>
      <c r="Z73" s="67">
        <v>2777.3399999999997</v>
      </c>
      <c r="AA73" s="9" t="s">
        <v>81</v>
      </c>
      <c r="AB73" s="50" t="s">
        <v>97</v>
      </c>
      <c r="AE73"/>
      <c r="AF73"/>
      <c r="AG73"/>
    </row>
    <row r="74" spans="1:33" s="3" customFormat="1" ht="15.95" customHeight="1" x14ac:dyDescent="0.15">
      <c r="A74" s="36" t="s">
        <v>4</v>
      </c>
      <c r="B74" s="45" t="s">
        <v>98</v>
      </c>
      <c r="C74" s="63" t="s">
        <v>162</v>
      </c>
      <c r="D74" s="14">
        <v>90.41</v>
      </c>
      <c r="E74" s="14">
        <v>7.69</v>
      </c>
      <c r="F74" s="14">
        <v>278.79000000000002</v>
      </c>
      <c r="G74" s="14">
        <v>46.98</v>
      </c>
      <c r="H74" s="14">
        <v>423.87</v>
      </c>
      <c r="I74" s="14">
        <v>0</v>
      </c>
      <c r="J74" s="14">
        <v>0</v>
      </c>
      <c r="K74" s="14">
        <v>0</v>
      </c>
      <c r="L74" s="14">
        <v>0</v>
      </c>
      <c r="M74" s="14">
        <v>0</v>
      </c>
      <c r="N74" s="14">
        <v>0</v>
      </c>
      <c r="O74" s="14">
        <v>0</v>
      </c>
      <c r="P74" s="14">
        <v>0</v>
      </c>
      <c r="Q74" s="14">
        <v>0</v>
      </c>
      <c r="R74" s="67">
        <v>423.87</v>
      </c>
      <c r="S74" s="14">
        <v>0</v>
      </c>
      <c r="T74" s="14">
        <v>0</v>
      </c>
      <c r="U74" s="14">
        <v>0</v>
      </c>
      <c r="V74" s="14">
        <v>13.94</v>
      </c>
      <c r="W74" s="14">
        <v>0</v>
      </c>
      <c r="X74" s="14">
        <v>0</v>
      </c>
      <c r="Y74" s="14">
        <v>6.69</v>
      </c>
      <c r="Z74" s="14">
        <v>444.5</v>
      </c>
      <c r="AA74" s="9" t="s">
        <v>70</v>
      </c>
      <c r="AB74" s="45" t="s">
        <v>98</v>
      </c>
      <c r="AE74"/>
      <c r="AF74"/>
      <c r="AG74"/>
    </row>
    <row r="75" spans="1:33" s="3" customFormat="1" ht="15.95" customHeight="1" x14ac:dyDescent="0.15">
      <c r="A75" s="36" t="s">
        <v>4</v>
      </c>
      <c r="B75" s="35" t="s">
        <v>20</v>
      </c>
      <c r="C75" s="35" t="s">
        <v>20</v>
      </c>
      <c r="D75" s="19">
        <v>439.83000000000004</v>
      </c>
      <c r="E75" s="19">
        <v>229.85000000000002</v>
      </c>
      <c r="F75" s="75">
        <v>1915.4099999999999</v>
      </c>
      <c r="G75" s="75">
        <v>4034.07</v>
      </c>
      <c r="H75" s="75">
        <v>6619.1599999999989</v>
      </c>
      <c r="I75" s="19">
        <v>0</v>
      </c>
      <c r="J75" s="19">
        <v>0</v>
      </c>
      <c r="K75" s="19">
        <v>0</v>
      </c>
      <c r="L75" s="19">
        <v>0</v>
      </c>
      <c r="M75" s="19">
        <v>0</v>
      </c>
      <c r="N75" s="19">
        <v>0</v>
      </c>
      <c r="O75" s="19">
        <v>0</v>
      </c>
      <c r="P75" s="19">
        <v>0</v>
      </c>
      <c r="Q75" s="19">
        <v>0</v>
      </c>
      <c r="R75" s="75">
        <v>6619.1599999999989</v>
      </c>
      <c r="S75" s="19">
        <v>0</v>
      </c>
      <c r="T75" s="19">
        <v>47.430000000000007</v>
      </c>
      <c r="U75" s="19">
        <v>21.349999999999998</v>
      </c>
      <c r="V75" s="19">
        <v>180.95</v>
      </c>
      <c r="W75" s="19">
        <v>0</v>
      </c>
      <c r="X75" s="19">
        <v>14.02</v>
      </c>
      <c r="Y75" s="19">
        <v>161.03</v>
      </c>
      <c r="Z75" s="75">
        <v>7043.94</v>
      </c>
      <c r="AA75" s="82" t="s">
        <v>21</v>
      </c>
      <c r="AB75" s="84" t="s">
        <v>21</v>
      </c>
      <c r="AE75"/>
      <c r="AF75"/>
      <c r="AG75"/>
    </row>
    <row r="76" spans="1:33" s="3" customFormat="1" ht="15.95" customHeight="1" x14ac:dyDescent="0.15">
      <c r="A76" s="36" t="s">
        <v>5</v>
      </c>
      <c r="B76" s="44" t="s">
        <v>18</v>
      </c>
      <c r="C76" s="44" t="s">
        <v>163</v>
      </c>
      <c r="D76" s="13">
        <v>0</v>
      </c>
      <c r="E76" s="13">
        <v>0</v>
      </c>
      <c r="F76" s="13">
        <v>0</v>
      </c>
      <c r="G76" s="13">
        <v>0</v>
      </c>
      <c r="H76" s="13">
        <v>0</v>
      </c>
      <c r="I76" s="13">
        <v>0</v>
      </c>
      <c r="J76" s="13">
        <v>0</v>
      </c>
      <c r="K76" s="13">
        <v>0</v>
      </c>
      <c r="L76" s="13">
        <v>0</v>
      </c>
      <c r="M76" s="13">
        <v>0</v>
      </c>
      <c r="N76" s="13">
        <v>0</v>
      </c>
      <c r="O76" s="13">
        <v>67.31</v>
      </c>
      <c r="P76" s="13">
        <v>53.12</v>
      </c>
      <c r="Q76" s="13">
        <v>120.43</v>
      </c>
      <c r="R76" s="13">
        <v>120.43</v>
      </c>
      <c r="S76" s="13">
        <v>0</v>
      </c>
      <c r="T76" s="13">
        <v>0</v>
      </c>
      <c r="U76" s="13">
        <v>0</v>
      </c>
      <c r="V76" s="13">
        <v>0</v>
      </c>
      <c r="W76" s="13">
        <v>0</v>
      </c>
      <c r="X76" s="13">
        <v>0</v>
      </c>
      <c r="Y76" s="13">
        <v>33.19</v>
      </c>
      <c r="Z76" s="13">
        <v>153.62</v>
      </c>
      <c r="AA76" s="10" t="s">
        <v>71</v>
      </c>
      <c r="AB76" s="44" t="s">
        <v>18</v>
      </c>
      <c r="AE76"/>
      <c r="AF76"/>
      <c r="AG76"/>
    </row>
    <row r="77" spans="1:33" s="3" customFormat="1" ht="15.95" customHeight="1" x14ac:dyDescent="0.15">
      <c r="A77" s="36" t="s">
        <v>5</v>
      </c>
      <c r="B77" s="46" t="s">
        <v>18</v>
      </c>
      <c r="C77" s="46" t="s">
        <v>164</v>
      </c>
      <c r="D77" s="15">
        <v>0</v>
      </c>
      <c r="E77" s="15">
        <v>0</v>
      </c>
      <c r="F77" s="15">
        <v>0</v>
      </c>
      <c r="G77" s="15">
        <v>0</v>
      </c>
      <c r="H77" s="15">
        <v>0</v>
      </c>
      <c r="I77" s="15">
        <v>0</v>
      </c>
      <c r="J77" s="15">
        <v>0</v>
      </c>
      <c r="K77" s="15">
        <v>0</v>
      </c>
      <c r="L77" s="15">
        <v>0</v>
      </c>
      <c r="M77" s="15">
        <v>0</v>
      </c>
      <c r="N77" s="15">
        <v>0</v>
      </c>
      <c r="O77" s="15">
        <v>0</v>
      </c>
      <c r="P77" s="15">
        <v>0</v>
      </c>
      <c r="Q77" s="15">
        <v>0</v>
      </c>
      <c r="R77" s="15">
        <v>0</v>
      </c>
      <c r="S77" s="15">
        <v>0</v>
      </c>
      <c r="T77" s="15">
        <v>0</v>
      </c>
      <c r="U77" s="15">
        <v>0</v>
      </c>
      <c r="V77" s="15">
        <v>0</v>
      </c>
      <c r="W77" s="15">
        <v>0</v>
      </c>
      <c r="X77" s="15">
        <v>0</v>
      </c>
      <c r="Y77" s="15">
        <v>0</v>
      </c>
      <c r="Z77" s="15">
        <v>0</v>
      </c>
      <c r="AA77" s="7" t="s">
        <v>72</v>
      </c>
      <c r="AB77" s="46" t="s">
        <v>18</v>
      </c>
      <c r="AE77"/>
      <c r="AF77"/>
      <c r="AG77"/>
    </row>
    <row r="78" spans="1:33" s="3" customFormat="1" ht="15.95" customHeight="1" x14ac:dyDescent="0.15">
      <c r="A78" s="36" t="s">
        <v>5</v>
      </c>
      <c r="B78" s="46" t="s">
        <v>18</v>
      </c>
      <c r="C78" s="46" t="s">
        <v>165</v>
      </c>
      <c r="D78" s="15">
        <v>0</v>
      </c>
      <c r="E78" s="15">
        <v>0</v>
      </c>
      <c r="F78" s="15">
        <v>0</v>
      </c>
      <c r="G78" s="15">
        <v>0</v>
      </c>
      <c r="H78" s="15">
        <v>0</v>
      </c>
      <c r="I78" s="15">
        <v>52.04</v>
      </c>
      <c r="J78" s="15">
        <v>282.12</v>
      </c>
      <c r="K78" s="68">
        <v>2378.44</v>
      </c>
      <c r="L78" s="68">
        <v>1162.56</v>
      </c>
      <c r="M78" s="68">
        <v>3875.16</v>
      </c>
      <c r="N78" s="15">
        <v>0</v>
      </c>
      <c r="O78" s="15">
        <v>0</v>
      </c>
      <c r="P78" s="15">
        <v>0</v>
      </c>
      <c r="Q78" s="15">
        <v>0</v>
      </c>
      <c r="R78" s="68">
        <v>3875.16</v>
      </c>
      <c r="S78" s="15">
        <v>0</v>
      </c>
      <c r="T78" s="15">
        <v>0</v>
      </c>
      <c r="U78" s="15">
        <v>0</v>
      </c>
      <c r="V78" s="15">
        <v>142.31</v>
      </c>
      <c r="W78" s="15">
        <v>0</v>
      </c>
      <c r="X78" s="15">
        <v>72.62</v>
      </c>
      <c r="Y78" s="15">
        <v>0</v>
      </c>
      <c r="Z78" s="68">
        <v>4090.0899999999997</v>
      </c>
      <c r="AA78" s="7" t="s">
        <v>73</v>
      </c>
      <c r="AB78" s="46" t="s">
        <v>18</v>
      </c>
      <c r="AE78"/>
      <c r="AF78"/>
      <c r="AG78"/>
    </row>
    <row r="79" spans="1:33" s="3" customFormat="1" ht="15.95" customHeight="1" x14ac:dyDescent="0.15">
      <c r="A79" s="36" t="s">
        <v>5</v>
      </c>
      <c r="B79" s="46" t="s">
        <v>18</v>
      </c>
      <c r="C79" s="60" t="s">
        <v>20</v>
      </c>
      <c r="D79" s="15">
        <v>0</v>
      </c>
      <c r="E79" s="15">
        <v>0</v>
      </c>
      <c r="F79" s="15">
        <v>0</v>
      </c>
      <c r="G79" s="15">
        <v>0</v>
      </c>
      <c r="H79" s="15">
        <v>0</v>
      </c>
      <c r="I79" s="15">
        <v>52.04</v>
      </c>
      <c r="J79" s="15">
        <v>282.12</v>
      </c>
      <c r="K79" s="68">
        <v>2378.44</v>
      </c>
      <c r="L79" s="68">
        <v>1162.56</v>
      </c>
      <c r="M79" s="68">
        <v>3875.16</v>
      </c>
      <c r="N79" s="15">
        <v>0</v>
      </c>
      <c r="O79" s="15">
        <v>67.31</v>
      </c>
      <c r="P79" s="15">
        <v>53.12</v>
      </c>
      <c r="Q79" s="15">
        <v>120.43</v>
      </c>
      <c r="R79" s="68">
        <v>3995.5899999999997</v>
      </c>
      <c r="S79" s="15">
        <v>0</v>
      </c>
      <c r="T79" s="15">
        <v>0</v>
      </c>
      <c r="U79" s="15">
        <v>0</v>
      </c>
      <c r="V79" s="15">
        <v>142.31</v>
      </c>
      <c r="W79" s="15">
        <v>0</v>
      </c>
      <c r="X79" s="15">
        <v>72.62</v>
      </c>
      <c r="Y79" s="15">
        <v>33.19</v>
      </c>
      <c r="Z79" s="68">
        <v>4243.71</v>
      </c>
      <c r="AA79" s="8" t="s">
        <v>28</v>
      </c>
      <c r="AB79" s="46" t="s">
        <v>18</v>
      </c>
      <c r="AE79"/>
      <c r="AF79"/>
      <c r="AG79"/>
    </row>
    <row r="80" spans="1:33" s="3" customFormat="1" ht="15.95" customHeight="1" x14ac:dyDescent="0.15">
      <c r="A80" s="36" t="s">
        <v>5</v>
      </c>
      <c r="B80" s="45" t="s">
        <v>19</v>
      </c>
      <c r="C80" s="45" t="s">
        <v>166</v>
      </c>
      <c r="D80" s="14">
        <v>0</v>
      </c>
      <c r="E80" s="14">
        <v>0</v>
      </c>
      <c r="F80" s="14">
        <v>0</v>
      </c>
      <c r="G80" s="14">
        <v>0</v>
      </c>
      <c r="H80" s="14">
        <v>0</v>
      </c>
      <c r="I80" s="14">
        <v>0</v>
      </c>
      <c r="J80" s="14">
        <v>0</v>
      </c>
      <c r="K80" s="14">
        <v>0</v>
      </c>
      <c r="L80" s="14">
        <v>0</v>
      </c>
      <c r="M80" s="14">
        <v>0</v>
      </c>
      <c r="N80" s="14">
        <v>0</v>
      </c>
      <c r="O80" s="14">
        <v>46.64</v>
      </c>
      <c r="P80" s="14">
        <v>910.58</v>
      </c>
      <c r="Q80" s="14">
        <v>957.22</v>
      </c>
      <c r="R80" s="14">
        <v>957.22</v>
      </c>
      <c r="S80" s="14">
        <v>0</v>
      </c>
      <c r="T80" s="14">
        <v>0</v>
      </c>
      <c r="U80" s="14">
        <v>0</v>
      </c>
      <c r="V80" s="14">
        <v>91.73</v>
      </c>
      <c r="W80" s="14">
        <v>0</v>
      </c>
      <c r="X80" s="14">
        <v>0</v>
      </c>
      <c r="Y80" s="14">
        <v>103.55</v>
      </c>
      <c r="Z80" s="67">
        <v>1152.5</v>
      </c>
      <c r="AA80" s="9" t="s">
        <v>82</v>
      </c>
      <c r="AB80" s="45" t="s">
        <v>19</v>
      </c>
      <c r="AE80"/>
      <c r="AF80"/>
      <c r="AG80"/>
    </row>
    <row r="81" spans="1:33" s="3" customFormat="1" ht="15.95" customHeight="1" x14ac:dyDescent="0.15">
      <c r="A81" s="36" t="s">
        <v>5</v>
      </c>
      <c r="B81" s="46" t="s">
        <v>19</v>
      </c>
      <c r="C81" s="46" t="s">
        <v>167</v>
      </c>
      <c r="D81" s="15">
        <v>0</v>
      </c>
      <c r="E81" s="15">
        <v>0</v>
      </c>
      <c r="F81" s="15">
        <v>0</v>
      </c>
      <c r="G81" s="15">
        <v>0</v>
      </c>
      <c r="H81" s="15">
        <v>0</v>
      </c>
      <c r="I81" s="15">
        <v>0</v>
      </c>
      <c r="J81" s="15">
        <v>0</v>
      </c>
      <c r="K81" s="15">
        <v>0</v>
      </c>
      <c r="L81" s="15">
        <v>0</v>
      </c>
      <c r="M81" s="15">
        <v>0</v>
      </c>
      <c r="N81" s="15">
        <v>0</v>
      </c>
      <c r="O81" s="15">
        <v>0</v>
      </c>
      <c r="P81" s="15">
        <v>0</v>
      </c>
      <c r="Q81" s="15">
        <v>0</v>
      </c>
      <c r="R81" s="15">
        <v>0</v>
      </c>
      <c r="S81" s="15">
        <v>0</v>
      </c>
      <c r="T81" s="15">
        <v>0</v>
      </c>
      <c r="U81" s="15">
        <v>0</v>
      </c>
      <c r="V81" s="15">
        <v>0</v>
      </c>
      <c r="W81" s="15">
        <v>0</v>
      </c>
      <c r="X81" s="15">
        <v>0</v>
      </c>
      <c r="Y81" s="15">
        <v>0</v>
      </c>
      <c r="Z81" s="15">
        <v>0</v>
      </c>
      <c r="AA81" s="7" t="s">
        <v>74</v>
      </c>
      <c r="AB81" s="46" t="s">
        <v>19</v>
      </c>
      <c r="AE81"/>
      <c r="AF81"/>
      <c r="AG81"/>
    </row>
    <row r="82" spans="1:33" s="3" customFormat="1" ht="15.95" customHeight="1" x14ac:dyDescent="0.15">
      <c r="A82" s="36" t="s">
        <v>5</v>
      </c>
      <c r="B82" s="47" t="s">
        <v>19</v>
      </c>
      <c r="C82" s="64" t="s">
        <v>20</v>
      </c>
      <c r="D82" s="16">
        <v>0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46.64</v>
      </c>
      <c r="P82" s="16">
        <v>910.58</v>
      </c>
      <c r="Q82" s="16">
        <v>957.22</v>
      </c>
      <c r="R82" s="16">
        <v>957.22</v>
      </c>
      <c r="S82" s="16">
        <v>0</v>
      </c>
      <c r="T82" s="16">
        <v>0</v>
      </c>
      <c r="U82" s="16">
        <v>0</v>
      </c>
      <c r="V82" s="16">
        <v>91.73</v>
      </c>
      <c r="W82" s="16">
        <v>0</v>
      </c>
      <c r="X82" s="16">
        <v>0</v>
      </c>
      <c r="Y82" s="16">
        <v>103.55</v>
      </c>
      <c r="Z82" s="66">
        <v>1152.5</v>
      </c>
      <c r="AA82" s="8" t="s">
        <v>28</v>
      </c>
      <c r="AB82" s="47" t="s">
        <v>19</v>
      </c>
      <c r="AE82"/>
      <c r="AF82"/>
      <c r="AG82"/>
    </row>
    <row r="83" spans="1:33" s="3" customFormat="1" ht="15.95" customHeight="1" x14ac:dyDescent="0.15">
      <c r="A83" s="36" t="s">
        <v>5</v>
      </c>
      <c r="B83" s="45" t="s">
        <v>22</v>
      </c>
      <c r="C83" s="45" t="s">
        <v>168</v>
      </c>
      <c r="D83" s="15">
        <v>0</v>
      </c>
      <c r="E83" s="15">
        <v>0</v>
      </c>
      <c r="F83" s="15">
        <v>0</v>
      </c>
      <c r="G83" s="15">
        <v>0</v>
      </c>
      <c r="H83" s="15">
        <v>0</v>
      </c>
      <c r="I83" s="15">
        <v>0</v>
      </c>
      <c r="J83" s="15">
        <v>0</v>
      </c>
      <c r="K83" s="15">
        <v>0</v>
      </c>
      <c r="L83" s="15">
        <v>0</v>
      </c>
      <c r="M83" s="15">
        <v>0</v>
      </c>
      <c r="N83" s="15">
        <v>0</v>
      </c>
      <c r="O83" s="15">
        <v>0</v>
      </c>
      <c r="P83" s="15">
        <v>0</v>
      </c>
      <c r="Q83" s="15">
        <v>0</v>
      </c>
      <c r="R83" s="15">
        <v>0</v>
      </c>
      <c r="S83" s="15">
        <v>0</v>
      </c>
      <c r="T83" s="15">
        <v>0</v>
      </c>
      <c r="U83" s="15">
        <v>0</v>
      </c>
      <c r="V83" s="15">
        <v>0</v>
      </c>
      <c r="W83" s="15">
        <v>0</v>
      </c>
      <c r="X83" s="15">
        <v>0</v>
      </c>
      <c r="Y83" s="15">
        <v>0</v>
      </c>
      <c r="Z83" s="15">
        <v>0</v>
      </c>
      <c r="AA83" s="7" t="s">
        <v>75</v>
      </c>
      <c r="AB83" s="45" t="s">
        <v>22</v>
      </c>
      <c r="AE83"/>
      <c r="AF83"/>
      <c r="AG83"/>
    </row>
    <row r="84" spans="1:33" s="3" customFormat="1" ht="15.95" customHeight="1" x14ac:dyDescent="0.15">
      <c r="A84" s="36" t="s">
        <v>5</v>
      </c>
      <c r="B84" s="46" t="s">
        <v>22</v>
      </c>
      <c r="C84" s="46" t="s">
        <v>169</v>
      </c>
      <c r="D84" s="15">
        <v>0</v>
      </c>
      <c r="E84" s="15">
        <v>0</v>
      </c>
      <c r="F84" s="15">
        <v>0</v>
      </c>
      <c r="G84" s="15">
        <v>0</v>
      </c>
      <c r="H84" s="15">
        <v>0</v>
      </c>
      <c r="I84" s="15">
        <v>0</v>
      </c>
      <c r="J84" s="15">
        <v>112.06</v>
      </c>
      <c r="K84" s="68">
        <v>1590.54</v>
      </c>
      <c r="L84" s="68">
        <v>814.19</v>
      </c>
      <c r="M84" s="68">
        <v>2516.79</v>
      </c>
      <c r="N84" s="15">
        <v>0</v>
      </c>
      <c r="O84" s="15">
        <v>0</v>
      </c>
      <c r="P84" s="15">
        <v>0</v>
      </c>
      <c r="Q84" s="15">
        <v>0</v>
      </c>
      <c r="R84" s="68">
        <v>2516.79</v>
      </c>
      <c r="S84" s="15">
        <v>0</v>
      </c>
      <c r="T84" s="15">
        <v>29.33</v>
      </c>
      <c r="U84" s="15">
        <v>0</v>
      </c>
      <c r="V84" s="15">
        <v>0</v>
      </c>
      <c r="W84" s="15">
        <v>0</v>
      </c>
      <c r="X84" s="15">
        <v>0</v>
      </c>
      <c r="Y84" s="15">
        <v>0</v>
      </c>
      <c r="Z84" s="68">
        <v>2546.12</v>
      </c>
      <c r="AA84" s="7" t="s">
        <v>83</v>
      </c>
      <c r="AB84" s="46" t="s">
        <v>22</v>
      </c>
      <c r="AE84"/>
      <c r="AF84"/>
      <c r="AG84"/>
    </row>
    <row r="85" spans="1:33" s="3" customFormat="1" ht="15.95" customHeight="1" x14ac:dyDescent="0.15">
      <c r="A85" s="36" t="s">
        <v>5</v>
      </c>
      <c r="B85" s="51" t="s">
        <v>22</v>
      </c>
      <c r="C85" s="57" t="s">
        <v>20</v>
      </c>
      <c r="D85" s="15">
        <v>0</v>
      </c>
      <c r="E85" s="15">
        <v>0</v>
      </c>
      <c r="F85" s="15">
        <v>0</v>
      </c>
      <c r="G85" s="15">
        <v>0</v>
      </c>
      <c r="H85" s="15">
        <v>0</v>
      </c>
      <c r="I85" s="15">
        <v>0</v>
      </c>
      <c r="J85" s="15">
        <v>112.06</v>
      </c>
      <c r="K85" s="68">
        <v>1590.54</v>
      </c>
      <c r="L85" s="68">
        <v>814.19</v>
      </c>
      <c r="M85" s="68">
        <v>2516.79</v>
      </c>
      <c r="N85" s="15">
        <v>0</v>
      </c>
      <c r="O85" s="15">
        <v>0</v>
      </c>
      <c r="P85" s="15">
        <v>0</v>
      </c>
      <c r="Q85" s="15">
        <v>0</v>
      </c>
      <c r="R85" s="68">
        <v>2516.79</v>
      </c>
      <c r="S85" s="15">
        <v>0</v>
      </c>
      <c r="T85" s="15">
        <v>29.33</v>
      </c>
      <c r="U85" s="15">
        <v>0</v>
      </c>
      <c r="V85" s="15">
        <v>0</v>
      </c>
      <c r="W85" s="15">
        <v>0</v>
      </c>
      <c r="X85" s="15">
        <v>0</v>
      </c>
      <c r="Y85" s="15">
        <v>0</v>
      </c>
      <c r="Z85" s="68">
        <v>2546.12</v>
      </c>
      <c r="AA85" s="7" t="s">
        <v>20</v>
      </c>
      <c r="AB85" s="51" t="s">
        <v>22</v>
      </c>
      <c r="AE85"/>
      <c r="AF85"/>
      <c r="AG85"/>
    </row>
    <row r="86" spans="1:33" s="3" customFormat="1" ht="15.95" customHeight="1" x14ac:dyDescent="0.15">
      <c r="A86" s="36" t="s">
        <v>5</v>
      </c>
      <c r="B86" s="35" t="s">
        <v>20</v>
      </c>
      <c r="C86" s="35" t="s">
        <v>20</v>
      </c>
      <c r="D86" s="19">
        <v>0</v>
      </c>
      <c r="E86" s="19">
        <v>0</v>
      </c>
      <c r="F86" s="19">
        <v>0</v>
      </c>
      <c r="G86" s="19">
        <v>0</v>
      </c>
      <c r="H86" s="19">
        <v>0</v>
      </c>
      <c r="I86" s="19">
        <v>52.04</v>
      </c>
      <c r="J86" s="19">
        <v>394.18</v>
      </c>
      <c r="K86" s="75">
        <v>3968.98</v>
      </c>
      <c r="L86" s="75">
        <v>1976.75</v>
      </c>
      <c r="M86" s="75">
        <v>6391.95</v>
      </c>
      <c r="N86" s="19">
        <v>0</v>
      </c>
      <c r="O86" s="19">
        <v>113.95</v>
      </c>
      <c r="P86" s="75">
        <v>963.7</v>
      </c>
      <c r="Q86" s="75">
        <v>1077.6500000000001</v>
      </c>
      <c r="R86" s="75">
        <v>7469.6</v>
      </c>
      <c r="S86" s="19">
        <v>0</v>
      </c>
      <c r="T86" s="19">
        <v>29.33</v>
      </c>
      <c r="U86" s="19">
        <v>0</v>
      </c>
      <c r="V86" s="19">
        <v>234.04000000000002</v>
      </c>
      <c r="W86" s="19">
        <v>0</v>
      </c>
      <c r="X86" s="19">
        <v>72.62</v>
      </c>
      <c r="Y86" s="19">
        <v>136.74</v>
      </c>
      <c r="Z86" s="75">
        <v>7942.33</v>
      </c>
      <c r="AA86" s="82" t="s">
        <v>21</v>
      </c>
      <c r="AB86" s="84" t="s">
        <v>21</v>
      </c>
      <c r="AE86"/>
      <c r="AF86"/>
      <c r="AG86"/>
    </row>
    <row r="87" spans="1:33" s="3" customFormat="1" ht="15.95" customHeight="1" x14ac:dyDescent="0.15">
      <c r="A87" s="37" t="s">
        <v>90</v>
      </c>
      <c r="B87" s="37" t="s">
        <v>90</v>
      </c>
      <c r="C87" s="37" t="s">
        <v>90</v>
      </c>
      <c r="D87" s="72">
        <v>461.94000000000005</v>
      </c>
      <c r="E87" s="72">
        <v>272.39000000000004</v>
      </c>
      <c r="F87" s="72">
        <v>4312.32</v>
      </c>
      <c r="G87" s="72">
        <v>5306.2800000000007</v>
      </c>
      <c r="H87" s="72">
        <v>10352.93</v>
      </c>
      <c r="I87" s="72">
        <v>52.04</v>
      </c>
      <c r="J87" s="72">
        <v>448.53000000000003</v>
      </c>
      <c r="K87" s="72">
        <v>4887.91</v>
      </c>
      <c r="L87" s="72">
        <v>3062</v>
      </c>
      <c r="M87" s="72">
        <v>8450.48</v>
      </c>
      <c r="N87" s="18">
        <v>0</v>
      </c>
      <c r="O87" s="18">
        <v>652.1400000000001</v>
      </c>
      <c r="P87" s="65">
        <v>6945.62</v>
      </c>
      <c r="Q87" s="65">
        <v>7597.76</v>
      </c>
      <c r="R87" s="65">
        <v>26401.17</v>
      </c>
      <c r="S87" s="18">
        <v>0</v>
      </c>
      <c r="T87" s="18">
        <v>101.4</v>
      </c>
      <c r="U87" s="18">
        <v>26.25</v>
      </c>
      <c r="V87" s="18">
        <v>794.62999999999988</v>
      </c>
      <c r="W87" s="18">
        <v>13.45</v>
      </c>
      <c r="X87" s="18">
        <v>89.22</v>
      </c>
      <c r="Y87" s="65">
        <v>1439.83</v>
      </c>
      <c r="Z87" s="65">
        <v>28865.949999999997</v>
      </c>
      <c r="AA87" s="37" t="s">
        <v>90</v>
      </c>
      <c r="AB87" s="83" t="s">
        <v>90</v>
      </c>
      <c r="AE87"/>
      <c r="AF87"/>
      <c r="AG87"/>
    </row>
    <row r="88" spans="1:33" ht="21.75" customHeight="1" x14ac:dyDescent="0.15">
      <c r="B88" s="12"/>
      <c r="AE88"/>
      <c r="AF88"/>
      <c r="AG88"/>
    </row>
    <row r="89" spans="1:33" ht="13.5" x14ac:dyDescent="0.15">
      <c r="AE89"/>
      <c r="AF89"/>
      <c r="AG89"/>
    </row>
  </sheetData>
  <phoneticPr fontId="1"/>
  <printOptions horizontalCentered="1"/>
  <pageMargins left="0.78740157480314965" right="0.70866141732283472" top="1.1023622047244095" bottom="0.31496062992125984" header="0.9055118110236221" footer="0.51181102362204722"/>
  <pageSetup paperSize="9" scale="97" fitToHeight="0" pageOrder="overThenDown" orientation="portrait" r:id="rId1"/>
  <headerFooter differentFirst="1" scaleWithDoc="0" alignWithMargins="0">
    <firstHeader>&amp;L&amp;13              &amp;"ＭＳ 明朝,標準"&amp;12(2) 保安林以外の制限林</firstHeader>
  </headerFooter>
  <colBreaks count="1" manualBreakCount="1">
    <brk id="15" max="9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7(2)</vt:lpstr>
      <vt:lpstr>'7(2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ck</dc:creator>
  <cp:lastModifiedBy>Windows ユーザー</cp:lastModifiedBy>
  <cp:lastPrinted>2018-09-14T02:52:21Z</cp:lastPrinted>
  <dcterms:created xsi:type="dcterms:W3CDTF">2001-11-15T07:49:57Z</dcterms:created>
  <dcterms:modified xsi:type="dcterms:W3CDTF">2019-08-28T00:52:16Z</dcterms:modified>
</cp:coreProperties>
</file>